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3\Downloads\"/>
    </mc:Choice>
  </mc:AlternateContent>
  <bookViews>
    <workbookView xWindow="0" yWindow="0" windowWidth="28800" windowHeight="13020"/>
  </bookViews>
  <sheets>
    <sheet name="Objava 9-2025 (2)" sheetId="153" r:id="rId1"/>
    <sheet name="List1" sheetId="92" r:id="rId2"/>
  </sheets>
  <calcPr calcId="162913"/>
</workbook>
</file>

<file path=xl/calcChain.xml><?xml version="1.0" encoding="utf-8"?>
<calcChain xmlns="http://schemas.openxmlformats.org/spreadsheetml/2006/main">
  <c r="D219" i="153" l="1"/>
</calcChain>
</file>

<file path=xl/sharedStrings.xml><?xml version="1.0" encoding="utf-8"?>
<sst xmlns="http://schemas.openxmlformats.org/spreadsheetml/2006/main" count="671" uniqueCount="354">
  <si>
    <t>Tečajevi i stručni ispiti</t>
  </si>
  <si>
    <t>Uredski materijal</t>
  </si>
  <si>
    <t>Literatura, časopisi, glasila, knjige i ostalo</t>
  </si>
  <si>
    <t>Materijal i sredstva za čišćenje i održavanje</t>
  </si>
  <si>
    <t>Ostali materijal za potrebe redovnog poslovanja</t>
  </si>
  <si>
    <t>Plin</t>
  </si>
  <si>
    <t>Sitan inventar</t>
  </si>
  <si>
    <t>Usluge telefona</t>
  </si>
  <si>
    <t>Poštarina (pisma, tiskanice i sl.)</t>
  </si>
  <si>
    <t>Opskrba vodom</t>
  </si>
  <si>
    <t>Iznošenje i odvoz smeća</t>
  </si>
  <si>
    <t>Dimnjačarske i ekološke usluge</t>
  </si>
  <si>
    <t>Obvezni i preventivni zdravstveni pregled zaposlenika</t>
  </si>
  <si>
    <t>Ugovor o djelu</t>
  </si>
  <si>
    <t>Ostale računalne usluge</t>
  </si>
  <si>
    <t>Grafičke i tiskarske usluge</t>
  </si>
  <si>
    <t>Uređenje prostora</t>
  </si>
  <si>
    <t>Usluge čišćenja, pranja i sl.</t>
  </si>
  <si>
    <t>Usluge čuvanja imovine i osoba</t>
  </si>
  <si>
    <t>Premije osiguranja ostale imovine</t>
  </si>
  <si>
    <t>Premije osiguranja zaposlenih</t>
  </si>
  <si>
    <t>Članarina</t>
  </si>
  <si>
    <t>Materijal za tekuće i investicijsko održavanje postrojenja i opreme</t>
  </si>
  <si>
    <t>Uredski namještaj</t>
  </si>
  <si>
    <t>Ostala uredska oprema</t>
  </si>
  <si>
    <t>Električna energija</t>
  </si>
  <si>
    <t>Usluge tekućeg i investicijskog održavanja građevinskih objekata</t>
  </si>
  <si>
    <t>Usluge tekućeg i investicijskog održavanja postrojenja i opreme</t>
  </si>
  <si>
    <t>Usluge tekućeg i investicijskog održavanja vatrogasnih aparata</t>
  </si>
  <si>
    <t>REPUBLIKA HRVATSKA</t>
  </si>
  <si>
    <t>VUKOVARSKO-SRIJEMSKA ŽUPANIJA</t>
  </si>
  <si>
    <t>Motorni benzin i dizel gorivo</t>
  </si>
  <si>
    <t>Deratizacija i dezinsekcija</t>
  </si>
  <si>
    <t>Reprezentacija</t>
  </si>
  <si>
    <t>Usluge platnog prometa</t>
  </si>
  <si>
    <t>ostali nespomenuti rashodi poslovanja</t>
  </si>
  <si>
    <t>Ostale nespomenute usluge</t>
  </si>
  <si>
    <t>Ostale usluge za komunikaciju i prijevoz</t>
  </si>
  <si>
    <t>Naknade ostalih troškova</t>
  </si>
  <si>
    <t>Sudske pristojbe</t>
  </si>
  <si>
    <t>Javnobilježničke pristojbe</t>
  </si>
  <si>
    <t>Ostale pristojbe i naknade</t>
  </si>
  <si>
    <t>Ostali rashodi poslovanja (vijenci, cvijeće...)</t>
  </si>
  <si>
    <t>Usluge banke</t>
  </si>
  <si>
    <t>Naknade ostalih troškova-S.O.R.</t>
  </si>
  <si>
    <t>Službena, radna, zaštitna odjeća i obuća</t>
  </si>
  <si>
    <t>Zakupnine i najamnine za prijevozna sredstva</t>
  </si>
  <si>
    <t>Knjige- udžbenici</t>
  </si>
  <si>
    <t>Ostale naknade iz proračuna u naravi-radne bilježnice</t>
  </si>
  <si>
    <t>Ostali instrumenti, uređaji i strojevi</t>
  </si>
  <si>
    <t>Ostale intelektualne usluge</t>
  </si>
  <si>
    <t>Geodetsko -katastarske usluge</t>
  </si>
  <si>
    <t>Premije osiguranja učenika</t>
  </si>
  <si>
    <t>Ostala uredska oprema-video nadzor-procjena</t>
  </si>
  <si>
    <t>Troškovi sudskih postupaka</t>
  </si>
  <si>
    <t>Veterinarske usluge</t>
  </si>
  <si>
    <t>Oprema za grijanje, ventilaciju i hlađenje</t>
  </si>
  <si>
    <t>Materijal i sirovine</t>
  </si>
  <si>
    <t>Sportski i rekreacijski tereni</t>
  </si>
  <si>
    <t>Ostali nespomenuti građevinski objekti</t>
  </si>
  <si>
    <t>NAZIV PRIMATELJA</t>
  </si>
  <si>
    <t>OIB PRIMATELJA</t>
  </si>
  <si>
    <t>SJEDIŠTE PRIMATELJA</t>
  </si>
  <si>
    <t>VRSTA RASHODA I IZDATAKA</t>
  </si>
  <si>
    <t>KONTO</t>
  </si>
  <si>
    <t>INFORMACIJA O TROŠENJU SREDSTAVA</t>
  </si>
  <si>
    <t>ŠKOLSKA KNJIGA</t>
  </si>
  <si>
    <t>POSLOVNI EDUKATOR</t>
  </si>
  <si>
    <t>VINKOPROM</t>
  </si>
  <si>
    <t>M5 RAČUNALA</t>
  </si>
  <si>
    <t>METUS</t>
  </si>
  <si>
    <t>MISTRAL</t>
  </si>
  <si>
    <t>VODOVOD GRADA VUKOVARA</t>
  </si>
  <si>
    <t>ZAVOD ZA JAVNO ZDRAVSTVO</t>
  </si>
  <si>
    <t>ALFA</t>
  </si>
  <si>
    <t>NARODNE NOVINE</t>
  </si>
  <si>
    <t>PROFIL KLET</t>
  </si>
  <si>
    <t>ODVJETNIK A.RAŠIĆ</t>
  </si>
  <si>
    <t>95863787953</t>
  </si>
  <si>
    <t>32010 VUKOVAR</t>
  </si>
  <si>
    <t>87311810356</t>
  </si>
  <si>
    <t>32000 VUKOVAR</t>
  </si>
  <si>
    <t>85821130368</t>
  </si>
  <si>
    <t>HP-HRVATSKA POŠTA</t>
  </si>
  <si>
    <t>FINA Financijska agencija</t>
  </si>
  <si>
    <t>83418057205</t>
  </si>
  <si>
    <t>"KOMUNALAC" d.o.o.</t>
  </si>
  <si>
    <t>83101904488</t>
  </si>
  <si>
    <t>81793146560</t>
  </si>
  <si>
    <t>10110 ZAGREB</t>
  </si>
  <si>
    <t>HRVATSKI TELEKOM d.d.</t>
  </si>
  <si>
    <t>PEVEX D.D.</t>
  </si>
  <si>
    <t>73660371074</t>
  </si>
  <si>
    <t>10360 SESVETE</t>
  </si>
  <si>
    <t>HEP-OPSKRBA d.o.o.</t>
  </si>
  <si>
    <t>63073332379</t>
  </si>
  <si>
    <t>KONZUM plus d.o.o.</t>
  </si>
  <si>
    <t>62226620908</t>
  </si>
  <si>
    <t>10000 ZAGREB</t>
  </si>
  <si>
    <t>MARCONI obrt za trgovinu</t>
  </si>
  <si>
    <t>62017555266</t>
  </si>
  <si>
    <t>32100 VINKOVCI</t>
  </si>
  <si>
    <t>VINDIJA I</t>
  </si>
  <si>
    <t>44138062462</t>
  </si>
  <si>
    <t>31000 OSIJEK</t>
  </si>
  <si>
    <t>LEPRINKA D.O.O.</t>
  </si>
  <si>
    <t>27332507825</t>
  </si>
  <si>
    <t>VEPRINAC</t>
  </si>
  <si>
    <t>18285734514</t>
  </si>
  <si>
    <t>IZNOS</t>
  </si>
  <si>
    <t>BOSO d.o.o.</t>
  </si>
  <si>
    <t>1000 ZAGREB</t>
  </si>
  <si>
    <t>PICTURA d.o.o.</t>
  </si>
  <si>
    <t>STJEPANOVIĆ P.T.U.O.</t>
  </si>
  <si>
    <t>PROFIL KLET d.o.o.</t>
  </si>
  <si>
    <t>34380489130</t>
  </si>
  <si>
    <t>VUKOVAR SECURITY d.o.o</t>
  </si>
  <si>
    <t>07189160632</t>
  </si>
  <si>
    <t>0721719381</t>
  </si>
  <si>
    <t>10431 SVETA NEDELJA</t>
  </si>
  <si>
    <t>42000 VARAŽDIN</t>
  </si>
  <si>
    <t>FM SPORT J.D.O.O.</t>
  </si>
  <si>
    <t>KAŠTEL SUĆURAC</t>
  </si>
  <si>
    <t>STARI GRAD d.o.o.</t>
  </si>
  <si>
    <t>PEKARSKI OBRT KARAN</t>
  </si>
  <si>
    <t>Ostali materijal i sirovine</t>
  </si>
  <si>
    <t>DRŽ.PRORAČUN-TRGOVAČKI SUD</t>
  </si>
  <si>
    <t>ADDIKO BANKA</t>
  </si>
  <si>
    <t>JYSK d.o.o.</t>
  </si>
  <si>
    <t>MEĐIMURJE PLIN</t>
  </si>
  <si>
    <t>29035933600</t>
  </si>
  <si>
    <t>40000 ČAKOVEC</t>
  </si>
  <si>
    <t>OPTIMUS LAB D.O.O.</t>
  </si>
  <si>
    <t>POINT INFORMATIKA D.O.O.</t>
  </si>
  <si>
    <t>ŽIVIĆ ELEKTRO</t>
  </si>
  <si>
    <t>90344764519</t>
  </si>
  <si>
    <t>POLUS D.O.O</t>
  </si>
  <si>
    <t>BOSO D.O.O.</t>
  </si>
  <si>
    <t>SIGURNOST D.O.O.</t>
  </si>
  <si>
    <t>Smještaj na službenom putu u zemlji</t>
  </si>
  <si>
    <t>51550 MALI LOŠINJ</t>
  </si>
  <si>
    <t>JADRANKA TURIZAM D.O.O.</t>
  </si>
  <si>
    <t>Usluge odvjetnika</t>
  </si>
  <si>
    <t>HRVATSKI VETERINARSKI INSTITUT</t>
  </si>
  <si>
    <t>LIDL</t>
  </si>
  <si>
    <t>HRT</t>
  </si>
  <si>
    <t>DUROCCOL D.O.O.</t>
  </si>
  <si>
    <t>CVJEĆARNICA BUBI</t>
  </si>
  <si>
    <t>Auto gume</t>
  </si>
  <si>
    <t>32000 vukovar</t>
  </si>
  <si>
    <t>CIAK AUTO</t>
  </si>
  <si>
    <t>PEKARSKO T.O. VIKTORIJA</t>
  </si>
  <si>
    <t>32241 ST. JANKOVCI</t>
  </si>
  <si>
    <t>OPG ŠTALMAJER</t>
  </si>
  <si>
    <t>MUSTAPIĆ</t>
  </si>
  <si>
    <t>VELEPROMET VUKOVAR</t>
  </si>
  <si>
    <t>OSNOVNA ŠKOLA: ANTUNA BAUERA VUKOVAR</t>
  </si>
  <si>
    <t>Adresa: AUGUSTA ŠENOE 19</t>
  </si>
  <si>
    <t>OIB: 10726699143</t>
  </si>
  <si>
    <t>IBAN: HR3325000091102027718</t>
  </si>
  <si>
    <t>INA</t>
  </si>
  <si>
    <t>MESSER</t>
  </si>
  <si>
    <t>10290 ZAPREŠIĆ</t>
  </si>
  <si>
    <t>Plin Ugljični dioksid</t>
  </si>
  <si>
    <t>CERERA AGRO</t>
  </si>
  <si>
    <t>VODOMATERIJAL</t>
  </si>
  <si>
    <t>60126992663</t>
  </si>
  <si>
    <t>KISILJ</t>
  </si>
  <si>
    <t>32229 PETROVCI</t>
  </si>
  <si>
    <t>BOROVO GRAF</t>
  </si>
  <si>
    <t>MIO OBRT</t>
  </si>
  <si>
    <t>Ostale usluge tekućeg i investicijskog održavanja</t>
  </si>
  <si>
    <t>ENTRIO TEHNOLOGIJA</t>
  </si>
  <si>
    <t>O.M.SUPPORT</t>
  </si>
  <si>
    <t>UDRUGA RIJEČI PRAVA</t>
  </si>
  <si>
    <t>Ostale nepomenute usluge</t>
  </si>
  <si>
    <t xml:space="preserve">BIČO </t>
  </si>
  <si>
    <t>ANDRIJAŠEVCI</t>
  </si>
  <si>
    <t>SESVETE</t>
  </si>
  <si>
    <t>TEHNOSTAN</t>
  </si>
  <si>
    <t>HRVOJE HORVAT</t>
  </si>
  <si>
    <t>TB MONT</t>
  </si>
  <si>
    <t>NOVI JANKOVCI</t>
  </si>
  <si>
    <t>NAKLADA LIJEVAK</t>
  </si>
  <si>
    <t>MOZAIK KNJIGA</t>
  </si>
  <si>
    <t>OPG MANOJLOVIĆ RADISLAVA</t>
  </si>
  <si>
    <t>T.O.TORO</t>
  </si>
  <si>
    <t>VUKOVAR</t>
  </si>
  <si>
    <t>REGULATOR D.O.O.</t>
  </si>
  <si>
    <t>JELICA KOVAČIĆ</t>
  </si>
  <si>
    <t>REPROS D.O.O.</t>
  </si>
  <si>
    <t>31220 VIŠNJEVAC</t>
  </si>
  <si>
    <t>VETERINARSKA STANICA VUKOVAR D.O.O</t>
  </si>
  <si>
    <t>KOMUNALNO DRUŠTVO ROKOVCI-ANDRIJAŠEVCI D.O.O.</t>
  </si>
  <si>
    <t>32271 ANRIJAŠEVCI</t>
  </si>
  <si>
    <t>vlast.</t>
  </si>
  <si>
    <t>SPORT VISION</t>
  </si>
  <si>
    <t>sportska oprema</t>
  </si>
  <si>
    <t>MENDUŠIĆ</t>
  </si>
  <si>
    <t>Sportska oprema</t>
  </si>
  <si>
    <t>ZELENA TERSA D.O.O.</t>
  </si>
  <si>
    <t>VUKVARSKI VODOTORANJ</t>
  </si>
  <si>
    <t>20336960627</t>
  </si>
  <si>
    <t>74603936952</t>
  </si>
  <si>
    <t>KONZUM</t>
  </si>
  <si>
    <t>NEŠKOVIĆ</t>
  </si>
  <si>
    <t>vl.</t>
  </si>
  <si>
    <t>GORAN SAUKA</t>
  </si>
  <si>
    <t>TAENIA</t>
  </si>
  <si>
    <t>DM</t>
  </si>
  <si>
    <t>94124811986</t>
  </si>
  <si>
    <t>ČAZMATRANS</t>
  </si>
  <si>
    <t>MARE PANONIUM TOUR</t>
  </si>
  <si>
    <t>50905896315</t>
  </si>
  <si>
    <t>PET- CENTAR</t>
  </si>
  <si>
    <t>INTERSPORT</t>
  </si>
  <si>
    <t>TEDI POSLOVANJE D.O.O.</t>
  </si>
  <si>
    <t>MALI KRAJ D.O.O. VUKOVAR</t>
  </si>
  <si>
    <t>EUROHERC OSIGURANJE D.D.</t>
  </si>
  <si>
    <t>ZAGREBAČKA STVARNOST</t>
  </si>
  <si>
    <t>54812625705</t>
  </si>
  <si>
    <t>Knjige lektira</t>
  </si>
  <si>
    <t>HRVATSKA UDRUGA RAVNATELJA OŠ</t>
  </si>
  <si>
    <t>Seminari,savjetovanja, simpoziji</t>
  </si>
  <si>
    <t>LOGOBOX</t>
  </si>
  <si>
    <t>AGRAM LIFE OSIGURANJE D.D.</t>
  </si>
  <si>
    <t>vukovar security d.o.o</t>
  </si>
  <si>
    <t>343804891130</t>
  </si>
  <si>
    <t>EUROPAPIER ADRIA D.O.O.</t>
  </si>
  <si>
    <t>10000 SESVETE</t>
  </si>
  <si>
    <t>AQVA UNO D.O.O.</t>
  </si>
  <si>
    <t>OBRT KNEZOVIĆ ILOK</t>
  </si>
  <si>
    <t>57303817213</t>
  </si>
  <si>
    <t>32236 ILOK</t>
  </si>
  <si>
    <t>ARGENTUM D.O.O.</t>
  </si>
  <si>
    <t>14922557579</t>
  </si>
  <si>
    <t>AIR TRACTOR D.O.O.</t>
  </si>
  <si>
    <t>37414479901</t>
  </si>
  <si>
    <t>HRVATSKE AUTOCESTE D.O.O.</t>
  </si>
  <si>
    <t>RIF</t>
  </si>
  <si>
    <t xml:space="preserve">DUBROVNIK SUN </t>
  </si>
  <si>
    <t>DUBROVNIK</t>
  </si>
  <si>
    <t>HOTELI ZADAR D.D.</t>
  </si>
  <si>
    <t>23000 ZADAR</t>
  </si>
  <si>
    <t>ZDRAVSTVENA USTANOVA LJEKARNA</t>
  </si>
  <si>
    <t>32000vukovar</t>
  </si>
  <si>
    <t>ENIGMATSKI KLUB BOŽIDAR VRANICKI</t>
  </si>
  <si>
    <t>CENTAR ZA VOZILA HRVATSKE</t>
  </si>
  <si>
    <t xml:space="preserve">Usluge pri regitraciji </t>
  </si>
  <si>
    <t>Usluge pri registraciji prijevoznih sredstava</t>
  </si>
  <si>
    <t>CROATIA OSIGURANJE D.D.</t>
  </si>
  <si>
    <t xml:space="preserve">Premije osiguranja </t>
  </si>
  <si>
    <t>Usluge tekućeg i investicijskog održavanja prijevoznih sredstava</t>
  </si>
  <si>
    <t>81922300229</t>
  </si>
  <si>
    <t>MALI KRAJ D.O.O.</t>
  </si>
  <si>
    <t>Živić elektro</t>
  </si>
  <si>
    <t>DEKATLON</t>
  </si>
  <si>
    <t>89516372197</t>
  </si>
  <si>
    <t>KATARINA ZRINSKI</t>
  </si>
  <si>
    <t>40935660435</t>
  </si>
  <si>
    <t>HPKZ</t>
  </si>
  <si>
    <t>MATIJEVIĆ OBRT ZA ČIŠĆENJE</t>
  </si>
  <si>
    <t>27759560625</t>
  </si>
  <si>
    <t>Lož ulje</t>
  </si>
  <si>
    <t>PETROL</t>
  </si>
  <si>
    <t>75550985023</t>
  </si>
  <si>
    <t>ARTRESOR NAKLADA D.O.O.</t>
  </si>
  <si>
    <t>vlastita sredstva</t>
  </si>
  <si>
    <t>MN SOFTWARE</t>
  </si>
  <si>
    <t>vlastita</t>
  </si>
  <si>
    <t>ŠKOLSKE NOVINE</t>
  </si>
  <si>
    <t>HUROŠ</t>
  </si>
  <si>
    <t>Mateijal i sredstva za čišćenje</t>
  </si>
  <si>
    <r>
      <t xml:space="preserve">Materijal i sirovine                                       </t>
    </r>
    <r>
      <rPr>
        <sz val="11"/>
        <color rgb="FFFF0000"/>
        <rFont val="Calibri"/>
        <family val="2"/>
        <charset val="238"/>
        <scheme val="minor"/>
      </rPr>
      <t xml:space="preserve">   vlastita</t>
    </r>
  </si>
  <si>
    <r>
      <t xml:space="preserve">Materijal i sirovine </t>
    </r>
    <r>
      <rPr>
        <sz val="11"/>
        <color rgb="FFFF0000"/>
        <rFont val="Calibri"/>
        <family val="2"/>
        <charset val="238"/>
        <scheme val="minor"/>
      </rPr>
      <t xml:space="preserve">                                         vlastita</t>
    </r>
  </si>
  <si>
    <r>
      <t xml:space="preserve">Materijal i sirovine      </t>
    </r>
    <r>
      <rPr>
        <sz val="11"/>
        <color rgb="FFFF0000"/>
        <rFont val="Calibri"/>
        <family val="2"/>
        <charset val="238"/>
        <scheme val="minor"/>
      </rPr>
      <t xml:space="preserve">  šk.voće                                  vlastita</t>
    </r>
  </si>
  <si>
    <t>VINDIJA</t>
  </si>
  <si>
    <t>Mterijal i sirovine</t>
  </si>
  <si>
    <t>šk. mlijeko</t>
  </si>
  <si>
    <r>
      <rPr>
        <sz val="11"/>
        <color theme="1"/>
        <rFont val="Calibri"/>
        <family val="2"/>
        <charset val="238"/>
        <scheme val="minor"/>
      </rPr>
      <t xml:space="preserve">Materijal i sirovine    </t>
    </r>
    <r>
      <rPr>
        <sz val="11"/>
        <color rgb="FFFF0000"/>
        <rFont val="Calibri"/>
        <family val="2"/>
        <charset val="238"/>
        <scheme val="minor"/>
      </rPr>
      <t xml:space="preserve">                                      vlastita</t>
    </r>
  </si>
  <si>
    <t>KOVAČIĆ KONZALTING D.O.O.</t>
  </si>
  <si>
    <t>21220 TROGIR</t>
  </si>
  <si>
    <t>HRVATSKI TELEKOM</t>
  </si>
  <si>
    <t>Liburnia riviera hotels d.d.</t>
  </si>
  <si>
    <t>51410 OPATIJA</t>
  </si>
  <si>
    <t>SPLIT 3 D.O.O.</t>
  </si>
  <si>
    <t>CENTAR MADRUGADA D.O.O.</t>
  </si>
  <si>
    <t>21000 SPLIT</t>
  </si>
  <si>
    <t>VLASTITA</t>
  </si>
  <si>
    <t>01913481578</t>
  </si>
  <si>
    <t>10000 zagreb</t>
  </si>
  <si>
    <t>ROTO DINAMIC D.O.O.</t>
  </si>
  <si>
    <t>SAMOBOR</t>
  </si>
  <si>
    <t>VRŠKE D.O.O.</t>
  </si>
  <si>
    <t>22778291379</t>
  </si>
  <si>
    <t>DUET, OBRT ZA USLUGE</t>
  </si>
  <si>
    <t>BIČO J.D.O.O.</t>
  </si>
  <si>
    <t>KLINOVSKI D.O..O.</t>
  </si>
  <si>
    <t>28976406752</t>
  </si>
  <si>
    <t>32000 ZAGREB</t>
  </si>
  <si>
    <t>VUKOVAR SECURITY</t>
  </si>
  <si>
    <t>IZOLTERMIKA D.O.O.</t>
  </si>
  <si>
    <t>28704679785</t>
  </si>
  <si>
    <t>Sitsn inventar</t>
  </si>
  <si>
    <t>POZITIVA 88 TIN SEDLAR</t>
  </si>
  <si>
    <t>UTIRUŠ</t>
  </si>
  <si>
    <t>STOLARIJA RUSAN</t>
  </si>
  <si>
    <t>79199048265</t>
  </si>
  <si>
    <t>GORNJA STUBICA</t>
  </si>
  <si>
    <t xml:space="preserve">VLASTITA </t>
  </si>
  <si>
    <t>NAKLADA SLAP</t>
  </si>
  <si>
    <t>10450 JASTREBARSKO</t>
  </si>
  <si>
    <t>ESCAPE USLUŽNI OBRT</t>
  </si>
  <si>
    <t>EVENIO D.O.O.</t>
  </si>
  <si>
    <t>TANJA HRTVATIN ŠIMIČIĆ</t>
  </si>
  <si>
    <t>51000 RIJEKA</t>
  </si>
  <si>
    <t>NAKLADA SLAP D.O.O.</t>
  </si>
  <si>
    <t>HSUZ</t>
  </si>
  <si>
    <t>PLODINE</t>
  </si>
  <si>
    <t>92510683607</t>
  </si>
  <si>
    <t>VINKOPROM D.O.O.</t>
  </si>
  <si>
    <t>00721719381</t>
  </si>
  <si>
    <t>REGULATOR SERVIS</t>
  </si>
  <si>
    <t>61524180344</t>
  </si>
  <si>
    <t>Ostaleb usluge tekućeg i investicijskog održavanja</t>
  </si>
  <si>
    <t>T.O. AUTO MARKOVIĆ</t>
  </si>
  <si>
    <t>42316894756</t>
  </si>
  <si>
    <t>BRILIANT D.O.O.</t>
  </si>
  <si>
    <t>26250338198</t>
  </si>
  <si>
    <t>ORBAN GRAND D.O.O.</t>
  </si>
  <si>
    <t>Ostali nespomenuti rashodi poslovanja</t>
  </si>
  <si>
    <t>INTERSPORT D.O.O.</t>
  </si>
  <si>
    <t>BAKINA KUĆA J.D.O.O.</t>
  </si>
  <si>
    <t>31215 TENJA</t>
  </si>
  <si>
    <t>HEP ELEKTRA D.O.O.</t>
  </si>
  <si>
    <t>FERIVI CO D.O.O.</t>
  </si>
  <si>
    <t>13270123807</t>
  </si>
  <si>
    <t>HRVATSKE VODE</t>
  </si>
  <si>
    <t>28921383001</t>
  </si>
  <si>
    <t>KARAN</t>
  </si>
  <si>
    <t>Materijal i sirovine                                          vlastita</t>
  </si>
  <si>
    <t>MUZIKER</t>
  </si>
  <si>
    <t>35840773</t>
  </si>
  <si>
    <t>82101 Bratislava</t>
  </si>
  <si>
    <t>BRILIANT</t>
  </si>
  <si>
    <t>ASTREJA PLUS D.O.O.</t>
  </si>
  <si>
    <r>
      <t xml:space="preserve">Informatička oprema </t>
    </r>
    <r>
      <rPr>
        <sz val="11"/>
        <color rgb="FFFF0000"/>
        <rFont val="Calibri"/>
        <family val="2"/>
        <charset val="238"/>
        <scheme val="minor"/>
      </rPr>
      <t>VLASTITA</t>
    </r>
  </si>
  <si>
    <t>Ukupno potrošnja za rujan 2025</t>
  </si>
  <si>
    <t>ZA RUJAN 2025. GODINE</t>
  </si>
  <si>
    <t>Ostale naknade iz proračuna udžbenici</t>
  </si>
  <si>
    <r>
      <t xml:space="preserve">Ostale naknade iz proračuna udžbenici  </t>
    </r>
    <r>
      <rPr>
        <sz val="11"/>
        <color rgb="FFFF0000"/>
        <rFont val="Calibri"/>
        <family val="2"/>
        <charset val="238"/>
        <scheme val="minor"/>
      </rPr>
      <t>VLASTITA</t>
    </r>
  </si>
  <si>
    <t>MERIDIJANI</t>
  </si>
  <si>
    <t>STAROSLAVENSKI INSTITUT</t>
  </si>
  <si>
    <t>15291942554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  <font>
      <b/>
      <sz val="14"/>
      <color theme="1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sz val="14"/>
      <color theme="1"/>
      <name val="Calibri"/>
      <family val="2"/>
      <charset val="238"/>
      <scheme val="minor"/>
    </font>
    <font>
      <b/>
      <sz val="16"/>
      <color theme="1"/>
      <name val="Calibri"/>
      <family val="2"/>
      <charset val="238"/>
      <scheme val="minor"/>
    </font>
    <font>
      <sz val="16"/>
      <color theme="1"/>
      <name val="Calibri"/>
      <family val="2"/>
      <charset val="238"/>
      <scheme val="minor"/>
    </font>
    <font>
      <b/>
      <sz val="16"/>
      <color theme="1"/>
      <name val="Times New Roman"/>
      <family val="1"/>
      <charset val="238"/>
    </font>
    <font>
      <sz val="11"/>
      <color indexed="8"/>
      <name val="Calibri"/>
      <family val="2"/>
      <charset val="238"/>
      <scheme val="minor"/>
    </font>
    <font>
      <sz val="11"/>
      <color rgb="FFFF0000"/>
      <name val="Calibri"/>
      <family val="2"/>
      <charset val="23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</borders>
  <cellStyleXfs count="1">
    <xf numFmtId="0" fontId="0" fillId="0" borderId="0"/>
  </cellStyleXfs>
  <cellXfs count="124">
    <xf numFmtId="0" fontId="0" fillId="0" borderId="0" xfId="0"/>
    <xf numFmtId="0" fontId="0" fillId="0" borderId="0" xfId="0" applyFill="1"/>
    <xf numFmtId="0" fontId="1" fillId="0" borderId="0" xfId="0" applyFont="1" applyFill="1"/>
    <xf numFmtId="0" fontId="0" fillId="0" borderId="0" xfId="0" applyFill="1" applyBorder="1"/>
    <xf numFmtId="0" fontId="4" fillId="0" borderId="0" xfId="0" applyFont="1"/>
    <xf numFmtId="0" fontId="0" fillId="0" borderId="7" xfId="0" applyBorder="1"/>
    <xf numFmtId="0" fontId="0" fillId="0" borderId="1" xfId="0" applyFill="1" applyBorder="1" applyAlignment="1">
      <alignment horizontal="center"/>
    </xf>
    <xf numFmtId="0" fontId="0" fillId="0" borderId="0" xfId="0" applyFill="1" applyAlignment="1">
      <alignment horizontal="center"/>
    </xf>
    <xf numFmtId="0" fontId="0" fillId="0" borderId="0" xfId="0" applyFont="1" applyAlignment="1">
      <alignment horizontal="center"/>
    </xf>
    <xf numFmtId="4" fontId="0" fillId="0" borderId="1" xfId="0" applyNumberFormat="1" applyFont="1" applyFill="1" applyBorder="1" applyAlignment="1">
      <alignment horizontal="center"/>
    </xf>
    <xf numFmtId="0" fontId="0" fillId="0" borderId="0" xfId="0" applyFont="1" applyFill="1" applyAlignment="1">
      <alignment horizontal="center"/>
    </xf>
    <xf numFmtId="4" fontId="0" fillId="0" borderId="1" xfId="0" applyNumberFormat="1" applyFill="1" applyBorder="1" applyAlignment="1">
      <alignment horizontal="center"/>
    </xf>
    <xf numFmtId="0" fontId="0" fillId="0" borderId="1" xfId="0" applyFont="1" applyFill="1" applyBorder="1" applyAlignment="1">
      <alignment horizontal="center"/>
    </xf>
    <xf numFmtId="4" fontId="0" fillId="0" borderId="0" xfId="0" applyNumberFormat="1" applyFont="1" applyAlignment="1">
      <alignment horizontal="center"/>
    </xf>
    <xf numFmtId="49" fontId="0" fillId="0" borderId="1" xfId="0" applyNumberForma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6" fillId="0" borderId="0" xfId="0" applyFont="1" applyAlignment="1">
      <alignment horizontal="center"/>
    </xf>
    <xf numFmtId="0" fontId="7" fillId="0" borderId="0" xfId="0" applyFont="1" applyAlignment="1">
      <alignment horizontal="center" vertical="center"/>
    </xf>
    <xf numFmtId="0" fontId="6" fillId="0" borderId="0" xfId="0" applyFont="1"/>
    <xf numFmtId="4" fontId="0" fillId="0" borderId="7" xfId="0" applyNumberFormat="1" applyFill="1" applyBorder="1"/>
    <xf numFmtId="0" fontId="0" fillId="0" borderId="7" xfId="0" applyBorder="1" applyAlignment="1">
      <alignment horizontal="left" vertical="center"/>
    </xf>
    <xf numFmtId="0" fontId="0" fillId="0" borderId="7" xfId="0" applyFill="1" applyBorder="1"/>
    <xf numFmtId="0" fontId="4" fillId="0" borderId="4" xfId="0" applyFont="1" applyFill="1" applyBorder="1"/>
    <xf numFmtId="0" fontId="4" fillId="0" borderId="5" xfId="0" applyFont="1" applyFill="1" applyBorder="1" applyAlignment="1">
      <alignment horizontal="center"/>
    </xf>
    <xf numFmtId="4" fontId="5" fillId="0" borderId="5" xfId="0" applyNumberFormat="1" applyFont="1" applyFill="1" applyBorder="1" applyAlignment="1">
      <alignment horizontal="center"/>
    </xf>
    <xf numFmtId="0" fontId="2" fillId="0" borderId="5" xfId="0" applyFont="1" applyFill="1" applyBorder="1" applyAlignment="1">
      <alignment horizontal="center"/>
    </xf>
    <xf numFmtId="0" fontId="8" fillId="0" borderId="1" xfId="0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top"/>
    </xf>
    <xf numFmtId="49" fontId="0" fillId="0" borderId="1" xfId="0" applyNumberFormat="1" applyBorder="1" applyAlignment="1">
      <alignment horizontal="center"/>
    </xf>
    <xf numFmtId="49" fontId="0" fillId="0" borderId="1" xfId="0" applyNumberFormat="1" applyFill="1" applyBorder="1" applyAlignment="1">
      <alignment horizontal="center"/>
    </xf>
    <xf numFmtId="0" fontId="0" fillId="0" borderId="1" xfId="0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/>
    </xf>
    <xf numFmtId="0" fontId="1" fillId="2" borderId="10" xfId="0" applyFont="1" applyFill="1" applyBorder="1" applyAlignment="1">
      <alignment horizontal="center" wrapText="1"/>
    </xf>
    <xf numFmtId="0" fontId="0" fillId="0" borderId="1" xfId="0" applyBorder="1" applyAlignment="1">
      <alignment horizontal="center"/>
    </xf>
    <xf numFmtId="0" fontId="0" fillId="0" borderId="1" xfId="0" applyFont="1" applyBorder="1" applyAlignment="1">
      <alignment horizontal="center" vertical="center" wrapText="1"/>
    </xf>
    <xf numFmtId="49" fontId="0" fillId="0" borderId="1" xfId="0" applyNumberFormat="1" applyFill="1" applyBorder="1" applyAlignment="1">
      <alignment horizontal="center" vertical="center"/>
    </xf>
    <xf numFmtId="0" fontId="0" fillId="0" borderId="1" xfId="0" applyFont="1" applyBorder="1" applyAlignment="1">
      <alignment horizontal="center"/>
    </xf>
    <xf numFmtId="0" fontId="1" fillId="2" borderId="12" xfId="0" applyFont="1" applyFill="1" applyBorder="1" applyAlignment="1">
      <alignment horizontal="center"/>
    </xf>
    <xf numFmtId="0" fontId="1" fillId="2" borderId="13" xfId="0" applyFont="1" applyFill="1" applyBorder="1" applyAlignment="1">
      <alignment horizontal="center"/>
    </xf>
    <xf numFmtId="0" fontId="1" fillId="2" borderId="13" xfId="0" applyFont="1" applyFill="1" applyBorder="1" applyAlignment="1">
      <alignment horizontal="center" wrapText="1"/>
    </xf>
    <xf numFmtId="0" fontId="1" fillId="2" borderId="14" xfId="0" applyFont="1" applyFill="1" applyBorder="1" applyAlignment="1">
      <alignment horizontal="center"/>
    </xf>
    <xf numFmtId="0" fontId="0" fillId="0" borderId="0" xfId="0" applyFill="1" applyBorder="1" applyAlignment="1">
      <alignment horizontal="left"/>
    </xf>
    <xf numFmtId="0" fontId="0" fillId="0" borderId="16" xfId="0" applyFill="1" applyBorder="1" applyAlignment="1">
      <alignment horizontal="left"/>
    </xf>
    <xf numFmtId="0" fontId="0" fillId="0" borderId="15" xfId="0" applyFill="1" applyBorder="1"/>
    <xf numFmtId="0" fontId="0" fillId="0" borderId="18" xfId="0" applyFill="1" applyBorder="1"/>
    <xf numFmtId="0" fontId="0" fillId="0" borderId="1" xfId="0" applyFill="1" applyBorder="1" applyAlignment="1">
      <alignment horizontal="left"/>
    </xf>
    <xf numFmtId="0" fontId="1" fillId="0" borderId="0" xfId="0" applyFont="1" applyFill="1" applyAlignment="1"/>
    <xf numFmtId="0" fontId="1" fillId="0" borderId="0" xfId="0" applyFont="1" applyFill="1" applyAlignment="1">
      <alignment horizontal="center"/>
    </xf>
    <xf numFmtId="0" fontId="0" fillId="0" borderId="2" xfId="0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8" xfId="0" applyFill="1" applyBorder="1" applyAlignment="1"/>
    <xf numFmtId="0" fontId="0" fillId="0" borderId="8" xfId="0" applyFont="1" applyFill="1" applyBorder="1" applyAlignment="1"/>
    <xf numFmtId="0" fontId="0" fillId="0" borderId="8" xfId="0" applyFill="1" applyBorder="1" applyAlignment="1">
      <alignment horizontal="left"/>
    </xf>
    <xf numFmtId="0" fontId="1" fillId="2" borderId="10" xfId="0" applyFont="1" applyFill="1" applyBorder="1" applyAlignment="1">
      <alignment horizontal="center"/>
    </xf>
    <xf numFmtId="0" fontId="0" fillId="0" borderId="1" xfId="0" applyFill="1" applyBorder="1" applyAlignment="1"/>
    <xf numFmtId="0" fontId="0" fillId="0" borderId="8" xfId="0" applyFill="1" applyBorder="1" applyAlignment="1"/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8" xfId="0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8" xfId="0" applyFill="1" applyBorder="1" applyAlignment="1"/>
    <xf numFmtId="0" fontId="0" fillId="0" borderId="8" xfId="0" applyFont="1" applyFill="1" applyBorder="1" applyAlignment="1"/>
    <xf numFmtId="0" fontId="0" fillId="0" borderId="8" xfId="0" applyFill="1" applyBorder="1" applyAlignment="1">
      <alignment horizontal="left"/>
    </xf>
    <xf numFmtId="49" fontId="0" fillId="0" borderId="7" xfId="0" applyNumberFormat="1" applyFill="1" applyBorder="1"/>
    <xf numFmtId="0" fontId="0" fillId="0" borderId="1" xfId="0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0" fillId="0" borderId="8" xfId="0" applyFill="1" applyBorder="1" applyAlignment="1"/>
    <xf numFmtId="49" fontId="0" fillId="0" borderId="3" xfId="0" applyNumberFormat="1" applyFill="1" applyBorder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8" xfId="0" applyFill="1" applyBorder="1" applyAlignment="1"/>
    <xf numFmtId="0" fontId="0" fillId="0" borderId="8" xfId="0" applyFont="1" applyFill="1" applyBorder="1" applyAlignment="1"/>
    <xf numFmtId="0" fontId="9" fillId="0" borderId="8" xfId="0" applyFont="1" applyFill="1" applyBorder="1" applyAlignment="1"/>
    <xf numFmtId="0" fontId="9" fillId="0" borderId="18" xfId="0" applyFont="1" applyFill="1" applyBorder="1"/>
    <xf numFmtId="0" fontId="9" fillId="0" borderId="8" xfId="0" applyFont="1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9" fillId="0" borderId="0" xfId="0" applyFont="1" applyFill="1"/>
    <xf numFmtId="0" fontId="9" fillId="0" borderId="2" xfId="0" applyFont="1" applyFill="1" applyBorder="1" applyAlignment="1">
      <alignment horizontal="left"/>
    </xf>
    <xf numFmtId="0" fontId="9" fillId="0" borderId="16" xfId="0" applyFont="1" applyFill="1" applyBorder="1" applyAlignment="1">
      <alignment horizontal="left"/>
    </xf>
    <xf numFmtId="0" fontId="0" fillId="0" borderId="1" xfId="0" applyFill="1" applyBorder="1" applyAlignment="1"/>
    <xf numFmtId="0" fontId="0" fillId="0" borderId="8" xfId="0" applyFill="1" applyBorder="1" applyAlignment="1"/>
    <xf numFmtId="0" fontId="0" fillId="0" borderId="1" xfId="0" applyFill="1" applyBorder="1" applyAlignment="1"/>
    <xf numFmtId="0" fontId="0" fillId="0" borderId="8" xfId="0" applyFill="1" applyBorder="1" applyAlignment="1"/>
    <xf numFmtId="0" fontId="0" fillId="0" borderId="1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0" fillId="0" borderId="1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0" fillId="0" borderId="1" xfId="0" applyFill="1" applyBorder="1" applyAlignment="1"/>
    <xf numFmtId="0" fontId="0" fillId="0" borderId="8" xfId="0" applyFill="1" applyBorder="1" applyAlignment="1"/>
    <xf numFmtId="0" fontId="9" fillId="0" borderId="1" xfId="0" applyFont="1" applyFill="1" applyBorder="1" applyAlignment="1">
      <alignment horizontal="left"/>
    </xf>
    <xf numFmtId="0" fontId="0" fillId="0" borderId="1" xfId="0" applyFill="1" applyBorder="1" applyAlignment="1">
      <alignment horizontal="left"/>
    </xf>
    <xf numFmtId="0" fontId="9" fillId="0" borderId="1" xfId="0" applyFont="1" applyFill="1" applyBorder="1" applyAlignment="1"/>
    <xf numFmtId="0" fontId="0" fillId="0" borderId="1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1" fillId="0" borderId="0" xfId="0" applyFont="1" applyFill="1" applyAlignment="1"/>
    <xf numFmtId="0" fontId="1" fillId="2" borderId="10" xfId="0" applyFont="1" applyFill="1" applyBorder="1" applyAlignment="1">
      <alignment horizontal="center"/>
    </xf>
    <xf numFmtId="0" fontId="1" fillId="2" borderId="11" xfId="0" applyFont="1" applyFill="1" applyBorder="1" applyAlignment="1">
      <alignment horizontal="center"/>
    </xf>
    <xf numFmtId="0" fontId="0" fillId="0" borderId="1" xfId="0" applyFill="1" applyBorder="1" applyAlignment="1"/>
    <xf numFmtId="0" fontId="0" fillId="0" borderId="8" xfId="0" applyFill="1" applyBorder="1" applyAlignment="1"/>
    <xf numFmtId="0" fontId="0" fillId="0" borderId="1" xfId="0" applyFont="1" applyFill="1" applyBorder="1" applyAlignment="1"/>
    <xf numFmtId="0" fontId="0" fillId="0" borderId="8" xfId="0" applyFont="1" applyFill="1" applyBorder="1" applyAlignment="1"/>
    <xf numFmtId="0" fontId="3" fillId="0" borderId="1" xfId="0" applyFont="1" applyFill="1" applyBorder="1" applyAlignment="1"/>
    <xf numFmtId="0" fontId="3" fillId="0" borderId="8" xfId="0" applyFont="1" applyFill="1" applyBorder="1" applyAlignment="1"/>
    <xf numFmtId="0" fontId="2" fillId="0" borderId="5" xfId="0" applyFont="1" applyFill="1" applyBorder="1" applyAlignment="1"/>
    <xf numFmtId="0" fontId="2" fillId="0" borderId="6" xfId="0" applyFont="1" applyFill="1" applyBorder="1" applyAlignment="1"/>
    <xf numFmtId="0" fontId="0" fillId="0" borderId="17" xfId="0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</cellXfs>
  <cellStyles count="1">
    <cellStyle name="Normalno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sustav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293"/>
  <sheetViews>
    <sheetView tabSelected="1" topLeftCell="A2" zoomScaleNormal="100" workbookViewId="0">
      <selection activeCell="D184" sqref="D184"/>
    </sheetView>
  </sheetViews>
  <sheetFormatPr defaultRowHeight="15" x14ac:dyDescent="0.25"/>
  <cols>
    <col min="1" max="1" width="28.28515625" style="1" customWidth="1"/>
    <col min="2" max="2" width="16" style="7" customWidth="1"/>
    <col min="3" max="3" width="21.42578125" style="7" bestFit="1" customWidth="1"/>
    <col min="4" max="4" width="20.7109375" style="8" customWidth="1"/>
    <col min="5" max="5" width="13.140625" style="7" customWidth="1"/>
    <col min="10" max="10" width="5" customWidth="1"/>
    <col min="11" max="11" width="8.85546875" hidden="1" customWidth="1"/>
    <col min="12" max="12" width="18.5703125" customWidth="1"/>
    <col min="21" max="21" width="12.140625" bestFit="1" customWidth="1"/>
    <col min="22" max="22" width="12.140625" customWidth="1"/>
  </cols>
  <sheetData>
    <row r="1" spans="1:23" ht="15.75" x14ac:dyDescent="0.25">
      <c r="A1" s="2" t="s">
        <v>29</v>
      </c>
      <c r="D1" s="7"/>
    </row>
    <row r="2" spans="1:23" ht="15.75" x14ac:dyDescent="0.25">
      <c r="A2" s="2" t="s">
        <v>30</v>
      </c>
      <c r="D2" s="7"/>
    </row>
    <row r="3" spans="1:23" ht="15" customHeight="1" x14ac:dyDescent="0.25">
      <c r="A3" s="110" t="s">
        <v>156</v>
      </c>
      <c r="B3" s="110"/>
      <c r="C3" s="110"/>
      <c r="D3" s="110"/>
      <c r="E3" s="110"/>
    </row>
    <row r="4" spans="1:23" ht="15" customHeight="1" x14ac:dyDescent="0.25">
      <c r="A4" s="46" t="s">
        <v>157</v>
      </c>
      <c r="B4" s="47"/>
      <c r="C4" s="47"/>
      <c r="D4" s="47"/>
      <c r="E4" s="47"/>
    </row>
    <row r="5" spans="1:23" ht="15" customHeight="1" x14ac:dyDescent="0.25">
      <c r="A5" s="46" t="s">
        <v>158</v>
      </c>
      <c r="B5" s="47"/>
      <c r="C5" s="47"/>
      <c r="D5" s="47"/>
      <c r="E5" s="47"/>
    </row>
    <row r="6" spans="1:23" ht="15" customHeight="1" x14ac:dyDescent="0.25">
      <c r="A6" s="46" t="s">
        <v>159</v>
      </c>
      <c r="B6" s="47"/>
      <c r="C6" s="47"/>
      <c r="D6" s="47"/>
      <c r="E6" s="47"/>
    </row>
    <row r="7" spans="1:23" ht="15" customHeight="1" x14ac:dyDescent="0.25"/>
    <row r="8" spans="1:23" ht="15" customHeight="1" x14ac:dyDescent="0.25"/>
    <row r="9" spans="1:23" ht="15" customHeight="1" x14ac:dyDescent="0.25"/>
    <row r="10" spans="1:23" ht="23.45" customHeight="1" x14ac:dyDescent="0.35">
      <c r="C10" s="16"/>
      <c r="D10" s="17" t="s">
        <v>65</v>
      </c>
      <c r="E10" s="17"/>
      <c r="F10" s="18"/>
    </row>
    <row r="11" spans="1:23" ht="24.6" customHeight="1" x14ac:dyDescent="0.35">
      <c r="C11" s="16"/>
      <c r="D11" s="17" t="s">
        <v>348</v>
      </c>
      <c r="E11" s="17"/>
      <c r="F11" s="18"/>
    </row>
    <row r="12" spans="1:23" ht="15" customHeight="1" x14ac:dyDescent="0.25"/>
    <row r="13" spans="1:23" ht="15" customHeight="1" thickBot="1" x14ac:dyDescent="0.3"/>
    <row r="14" spans="1:23" ht="30" customHeight="1" x14ac:dyDescent="0.25">
      <c r="A14" s="31" t="s">
        <v>60</v>
      </c>
      <c r="B14" s="54" t="s">
        <v>61</v>
      </c>
      <c r="C14" s="54" t="s">
        <v>62</v>
      </c>
      <c r="D14" s="32" t="s">
        <v>109</v>
      </c>
      <c r="E14" s="32" t="s">
        <v>64</v>
      </c>
      <c r="F14" s="111" t="s">
        <v>63</v>
      </c>
      <c r="G14" s="111"/>
      <c r="H14" s="111"/>
      <c r="I14" s="111"/>
      <c r="J14" s="111"/>
      <c r="K14" s="111"/>
      <c r="L14" s="112"/>
    </row>
    <row r="15" spans="1:23" ht="30" customHeight="1" x14ac:dyDescent="0.25">
      <c r="A15" s="37"/>
      <c r="B15" s="38"/>
      <c r="C15" s="38"/>
      <c r="D15" s="39"/>
      <c r="E15" s="39"/>
      <c r="F15" s="38"/>
      <c r="G15" s="38"/>
      <c r="H15" s="38"/>
      <c r="I15" s="38"/>
      <c r="J15" s="38"/>
      <c r="K15" s="38"/>
      <c r="L15" s="40"/>
    </row>
    <row r="16" spans="1:23" s="1" customFormat="1" ht="15.95" customHeight="1" x14ac:dyDescent="0.25">
      <c r="A16" s="19" t="s">
        <v>186</v>
      </c>
      <c r="B16" s="33">
        <v>34400605279</v>
      </c>
      <c r="C16" s="15" t="s">
        <v>81</v>
      </c>
      <c r="D16" s="9">
        <v>0</v>
      </c>
      <c r="E16" s="6">
        <v>32211</v>
      </c>
      <c r="F16" s="108" t="s">
        <v>1</v>
      </c>
      <c r="G16" s="108"/>
      <c r="H16" s="108"/>
      <c r="I16" s="108"/>
      <c r="J16" s="108"/>
      <c r="K16" s="108"/>
      <c r="L16" s="109"/>
      <c r="P16" s="3"/>
      <c r="Q16" s="3"/>
      <c r="R16" s="3"/>
      <c r="S16" s="3"/>
      <c r="T16" s="3"/>
      <c r="U16" s="3"/>
      <c r="V16" s="3"/>
      <c r="W16" s="3"/>
    </row>
    <row r="17" spans="1:23" s="1" customFormat="1" ht="15.95" customHeight="1" x14ac:dyDescent="0.25">
      <c r="A17" s="19" t="s">
        <v>316</v>
      </c>
      <c r="B17" s="33">
        <v>70108447975</v>
      </c>
      <c r="C17" s="15" t="s">
        <v>311</v>
      </c>
      <c r="D17" s="9">
        <v>0</v>
      </c>
      <c r="E17" s="6">
        <v>32211</v>
      </c>
      <c r="F17" s="87" t="s">
        <v>1</v>
      </c>
      <c r="G17" s="87"/>
      <c r="H17" s="87"/>
      <c r="I17" s="89"/>
      <c r="J17" s="89"/>
      <c r="K17" s="91"/>
      <c r="L17" s="91" t="s">
        <v>267</v>
      </c>
      <c r="P17" s="3"/>
      <c r="Q17" s="3"/>
      <c r="R17" s="3"/>
      <c r="S17" s="3"/>
      <c r="T17" s="3"/>
      <c r="U17" s="3"/>
      <c r="V17" s="3"/>
      <c r="W17" s="3"/>
    </row>
    <row r="18" spans="1:23" s="1" customFormat="1" ht="15.95" customHeight="1" x14ac:dyDescent="0.25">
      <c r="A18" s="19" t="s">
        <v>75</v>
      </c>
      <c r="B18" s="33">
        <v>64546066176</v>
      </c>
      <c r="C18" s="15" t="s">
        <v>81</v>
      </c>
      <c r="D18" s="9">
        <v>142.21</v>
      </c>
      <c r="E18" s="6">
        <v>32211</v>
      </c>
      <c r="F18" s="45" t="s">
        <v>1</v>
      </c>
      <c r="G18" s="45"/>
      <c r="H18" s="45"/>
      <c r="I18" s="45"/>
      <c r="J18" s="45"/>
      <c r="K18" s="48"/>
      <c r="L18" s="48"/>
      <c r="P18" s="3"/>
      <c r="Q18" s="3"/>
      <c r="R18" s="3"/>
      <c r="S18" s="3"/>
      <c r="T18" s="3"/>
      <c r="U18" s="3"/>
      <c r="V18" s="3"/>
      <c r="W18" s="3"/>
    </row>
    <row r="19" spans="1:23" s="1" customFormat="1" ht="15.95" customHeight="1" x14ac:dyDescent="0.25">
      <c r="A19" s="19" t="s">
        <v>69</v>
      </c>
      <c r="B19" s="33">
        <v>18285734514</v>
      </c>
      <c r="C19" s="15" t="s">
        <v>187</v>
      </c>
      <c r="D19" s="9">
        <v>844.89</v>
      </c>
      <c r="E19" s="6">
        <v>32211</v>
      </c>
      <c r="F19" s="45" t="s">
        <v>1</v>
      </c>
      <c r="G19" s="45"/>
      <c r="H19" s="45"/>
      <c r="I19" s="45"/>
      <c r="J19" s="45"/>
      <c r="K19" s="48"/>
      <c r="L19" s="48"/>
      <c r="P19" s="3"/>
      <c r="Q19" s="3"/>
      <c r="R19" s="3"/>
      <c r="S19" s="3"/>
      <c r="T19" s="3"/>
      <c r="U19" s="3"/>
      <c r="V19" s="3"/>
      <c r="W19" s="3"/>
    </row>
    <row r="20" spans="1:23" s="1" customFormat="1" ht="15.95" customHeight="1" x14ac:dyDescent="0.25">
      <c r="A20" s="19" t="s">
        <v>228</v>
      </c>
      <c r="B20" s="33">
        <v>1913481578</v>
      </c>
      <c r="C20" s="15" t="s">
        <v>229</v>
      </c>
      <c r="D20" s="9">
        <v>0</v>
      </c>
      <c r="E20" s="6">
        <v>32211</v>
      </c>
      <c r="F20" s="59" t="s">
        <v>1</v>
      </c>
      <c r="G20" s="59"/>
      <c r="H20" s="59"/>
      <c r="I20" s="59"/>
      <c r="J20" s="59"/>
      <c r="K20" s="60"/>
      <c r="L20" s="60"/>
      <c r="P20" s="3"/>
      <c r="Q20" s="3"/>
      <c r="R20" s="3"/>
      <c r="S20" s="3"/>
      <c r="T20" s="3"/>
      <c r="U20" s="3"/>
      <c r="V20" s="3"/>
      <c r="W20" s="3"/>
    </row>
    <row r="21" spans="1:23" s="1" customFormat="1" ht="15.95" customHeight="1" x14ac:dyDescent="0.25">
      <c r="A21" s="19" t="s">
        <v>141</v>
      </c>
      <c r="B21" s="33">
        <v>25295166877</v>
      </c>
      <c r="C21" s="15" t="s">
        <v>140</v>
      </c>
      <c r="D21" s="9">
        <v>0</v>
      </c>
      <c r="E21" s="6">
        <v>32113</v>
      </c>
      <c r="F21" s="45" t="s">
        <v>139</v>
      </c>
      <c r="G21" s="45"/>
      <c r="H21" s="45"/>
      <c r="I21" s="45"/>
      <c r="J21" s="45"/>
      <c r="K21" s="48"/>
      <c r="L21" s="45"/>
      <c r="P21" s="3"/>
      <c r="Q21" s="3"/>
      <c r="R21" s="3"/>
      <c r="S21" s="3"/>
      <c r="T21" s="3"/>
      <c r="U21" s="3"/>
      <c r="V21" s="3"/>
      <c r="W21" s="3"/>
    </row>
    <row r="22" spans="1:23" s="1" customFormat="1" ht="15.95" customHeight="1" x14ac:dyDescent="0.25">
      <c r="A22" s="19" t="s">
        <v>285</v>
      </c>
      <c r="B22" s="33">
        <v>22257283308</v>
      </c>
      <c r="C22" s="15" t="s">
        <v>98</v>
      </c>
      <c r="D22" s="9">
        <v>0</v>
      </c>
      <c r="E22" s="6">
        <v>32113</v>
      </c>
      <c r="F22" s="71" t="s">
        <v>139</v>
      </c>
      <c r="G22" s="71"/>
      <c r="H22" s="71"/>
      <c r="I22" s="71"/>
      <c r="J22" s="71"/>
      <c r="K22" s="72"/>
      <c r="L22" s="42"/>
      <c r="P22" s="3"/>
      <c r="Q22" s="3"/>
      <c r="R22" s="3"/>
      <c r="S22" s="3"/>
      <c r="T22" s="3"/>
      <c r="U22" s="3"/>
      <c r="V22" s="3"/>
      <c r="W22" s="3"/>
    </row>
    <row r="23" spans="1:23" s="1" customFormat="1" ht="15.95" customHeight="1" x14ac:dyDescent="0.25">
      <c r="A23" s="19" t="s">
        <v>283</v>
      </c>
      <c r="B23" s="33">
        <v>15573308024</v>
      </c>
      <c r="C23" s="15" t="s">
        <v>284</v>
      </c>
      <c r="D23" s="9">
        <v>0</v>
      </c>
      <c r="E23" s="6">
        <v>32113</v>
      </c>
      <c r="F23" s="71" t="s">
        <v>139</v>
      </c>
      <c r="G23" s="71"/>
      <c r="H23" s="71"/>
      <c r="I23" s="71"/>
      <c r="J23" s="71"/>
      <c r="K23" s="72"/>
      <c r="L23" s="42"/>
      <c r="P23" s="3"/>
      <c r="Q23" s="3"/>
      <c r="R23" s="3"/>
      <c r="S23" s="3"/>
      <c r="T23" s="3"/>
      <c r="U23" s="3"/>
      <c r="V23" s="3"/>
      <c r="W23" s="3"/>
    </row>
    <row r="24" spans="1:23" s="1" customFormat="1" ht="15.95" customHeight="1" x14ac:dyDescent="0.25">
      <c r="A24" s="19" t="s">
        <v>240</v>
      </c>
      <c r="B24" s="33">
        <v>60174672203</v>
      </c>
      <c r="C24" s="15" t="s">
        <v>241</v>
      </c>
      <c r="D24" s="9">
        <v>319.5</v>
      </c>
      <c r="E24" s="6">
        <v>32113</v>
      </c>
      <c r="F24" s="62" t="s">
        <v>139</v>
      </c>
      <c r="G24" s="62"/>
      <c r="H24" s="62"/>
      <c r="I24" s="62"/>
      <c r="J24" s="62"/>
      <c r="K24" s="63"/>
      <c r="L24" s="42"/>
      <c r="P24" s="3"/>
      <c r="Q24" s="3"/>
      <c r="R24" s="3"/>
      <c r="S24" s="3"/>
      <c r="T24" s="3"/>
      <c r="U24" s="3"/>
      <c r="V24" s="3"/>
      <c r="W24" s="3"/>
    </row>
    <row r="25" spans="1:23" s="1" customFormat="1" ht="15.95" customHeight="1" x14ac:dyDescent="0.25">
      <c r="A25" s="19" t="s">
        <v>242</v>
      </c>
      <c r="B25" s="33">
        <v>40699482950</v>
      </c>
      <c r="C25" s="15" t="s">
        <v>243</v>
      </c>
      <c r="D25" s="9">
        <v>0</v>
      </c>
      <c r="E25" s="6">
        <v>32113</v>
      </c>
      <c r="F25" s="62" t="s">
        <v>139</v>
      </c>
      <c r="G25" s="62"/>
      <c r="H25" s="62"/>
      <c r="I25" s="62"/>
      <c r="J25" s="62"/>
      <c r="K25" s="63"/>
      <c r="L25" s="42"/>
      <c r="P25" s="3"/>
      <c r="Q25" s="3"/>
      <c r="R25" s="3"/>
      <c r="S25" s="3"/>
      <c r="T25" s="3"/>
      <c r="U25" s="3"/>
      <c r="V25" s="3"/>
      <c r="W25" s="3"/>
    </row>
    <row r="26" spans="1:23" s="1" customFormat="1" ht="15.95" customHeight="1" x14ac:dyDescent="0.25">
      <c r="A26" s="19" t="s">
        <v>314</v>
      </c>
      <c r="B26" s="33">
        <v>46508232319</v>
      </c>
      <c r="C26" s="15" t="s">
        <v>315</v>
      </c>
      <c r="D26" s="9">
        <v>0</v>
      </c>
      <c r="E26" s="6">
        <v>32113</v>
      </c>
      <c r="F26" s="87" t="s">
        <v>223</v>
      </c>
      <c r="G26" s="87"/>
      <c r="H26" s="87"/>
      <c r="I26" s="87"/>
      <c r="J26" s="89"/>
      <c r="K26" s="91"/>
      <c r="L26" s="92" t="s">
        <v>267</v>
      </c>
      <c r="P26" s="3"/>
      <c r="Q26" s="3"/>
      <c r="R26" s="3"/>
      <c r="S26" s="3"/>
      <c r="T26" s="3"/>
      <c r="U26" s="3"/>
      <c r="V26" s="3"/>
      <c r="W26" s="3"/>
    </row>
    <row r="27" spans="1:23" s="1" customFormat="1" ht="15.95" customHeight="1" x14ac:dyDescent="0.25">
      <c r="A27" s="19" t="s">
        <v>246</v>
      </c>
      <c r="B27" s="33">
        <v>17000444</v>
      </c>
      <c r="C27" s="15" t="s">
        <v>98</v>
      </c>
      <c r="D27" s="9">
        <v>0</v>
      </c>
      <c r="E27" s="6">
        <v>32113</v>
      </c>
      <c r="F27" s="62" t="s">
        <v>223</v>
      </c>
      <c r="G27" s="62"/>
      <c r="H27" s="62"/>
      <c r="I27" s="62"/>
      <c r="J27" s="62"/>
      <c r="K27" s="63"/>
      <c r="L27" s="42"/>
      <c r="P27" s="3"/>
      <c r="Q27" s="3"/>
      <c r="R27" s="3"/>
      <c r="S27" s="3"/>
      <c r="T27" s="3"/>
      <c r="U27" s="3"/>
      <c r="V27" s="3"/>
      <c r="W27" s="3"/>
    </row>
    <row r="28" spans="1:23" s="1" customFormat="1" ht="15.95" customHeight="1" x14ac:dyDescent="0.25">
      <c r="A28" s="19" t="s">
        <v>280</v>
      </c>
      <c r="B28" s="33">
        <v>79608058419</v>
      </c>
      <c r="C28" s="15" t="s">
        <v>281</v>
      </c>
      <c r="D28" s="9">
        <v>0</v>
      </c>
      <c r="E28" s="6">
        <v>32113</v>
      </c>
      <c r="F28" s="71" t="s">
        <v>223</v>
      </c>
      <c r="G28" s="71"/>
      <c r="H28" s="71"/>
      <c r="I28" s="71"/>
      <c r="J28" s="71"/>
      <c r="K28" s="72"/>
      <c r="L28" s="42"/>
      <c r="P28" s="3"/>
      <c r="Q28" s="3"/>
      <c r="R28" s="3"/>
      <c r="S28" s="3"/>
      <c r="T28" s="3"/>
      <c r="U28" s="3"/>
      <c r="V28" s="3"/>
      <c r="W28" s="3"/>
    </row>
    <row r="29" spans="1:23" s="1" customFormat="1" ht="15.95" customHeight="1" x14ac:dyDescent="0.25">
      <c r="A29" s="19" t="s">
        <v>222</v>
      </c>
      <c r="B29" s="33">
        <v>97748123085</v>
      </c>
      <c r="C29" s="15" t="s">
        <v>98</v>
      </c>
      <c r="D29" s="9">
        <v>0</v>
      </c>
      <c r="E29" s="6">
        <v>32131</v>
      </c>
      <c r="F29" s="59" t="s">
        <v>223</v>
      </c>
      <c r="G29" s="59"/>
      <c r="H29" s="59"/>
      <c r="I29" s="59"/>
      <c r="J29" s="59"/>
      <c r="K29" s="60"/>
      <c r="L29" s="42"/>
      <c r="P29" s="3"/>
      <c r="Q29" s="3"/>
      <c r="R29" s="3"/>
      <c r="S29" s="3"/>
      <c r="T29" s="3"/>
      <c r="U29" s="3"/>
      <c r="V29" s="3"/>
      <c r="W29" s="3"/>
    </row>
    <row r="30" spans="1:23" s="1" customFormat="1" ht="15.95" customHeight="1" x14ac:dyDescent="0.25">
      <c r="A30" s="19" t="s">
        <v>73</v>
      </c>
      <c r="B30" s="33">
        <v>92026134753</v>
      </c>
      <c r="C30" s="15" t="s">
        <v>101</v>
      </c>
      <c r="D30" s="9">
        <v>0</v>
      </c>
      <c r="E30" s="6">
        <v>32131</v>
      </c>
      <c r="F30" s="62" t="s">
        <v>0</v>
      </c>
      <c r="G30" s="62"/>
      <c r="H30" s="62"/>
      <c r="I30" s="62"/>
      <c r="J30" s="62"/>
      <c r="K30" s="63"/>
      <c r="L30" s="42"/>
      <c r="P30" s="3"/>
      <c r="Q30" s="3"/>
      <c r="R30" s="3"/>
      <c r="S30" s="3"/>
      <c r="T30" s="3"/>
      <c r="U30" s="3"/>
      <c r="V30" s="3"/>
      <c r="W30" s="3"/>
    </row>
    <row r="31" spans="1:23" s="1" customFormat="1" ht="15.95" customHeight="1" x14ac:dyDescent="0.25">
      <c r="A31" s="19" t="s">
        <v>172</v>
      </c>
      <c r="B31" s="33">
        <v>30513194761</v>
      </c>
      <c r="C31" s="15" t="s">
        <v>98</v>
      </c>
      <c r="D31" s="9">
        <v>0</v>
      </c>
      <c r="E31" s="6">
        <v>32131</v>
      </c>
      <c r="F31" s="45" t="s">
        <v>0</v>
      </c>
      <c r="G31" s="45"/>
      <c r="H31" s="45"/>
      <c r="I31" s="45"/>
      <c r="J31" s="45"/>
      <c r="K31" s="48"/>
      <c r="L31" s="42"/>
      <c r="P31" s="3"/>
      <c r="Q31" s="3"/>
      <c r="R31" s="3"/>
      <c r="S31" s="3"/>
      <c r="T31" s="3"/>
      <c r="U31" s="3"/>
      <c r="V31" s="3"/>
      <c r="W31" s="3"/>
    </row>
    <row r="32" spans="1:23" s="1" customFormat="1" ht="15.95" customHeight="1" x14ac:dyDescent="0.25">
      <c r="A32" s="19" t="s">
        <v>239</v>
      </c>
      <c r="B32" s="33">
        <v>75508100288</v>
      </c>
      <c r="C32" s="15" t="s">
        <v>98</v>
      </c>
      <c r="D32" s="9">
        <v>0</v>
      </c>
      <c r="E32" s="6">
        <v>32212</v>
      </c>
      <c r="F32" s="62" t="s">
        <v>2</v>
      </c>
      <c r="G32" s="62"/>
      <c r="H32" s="62"/>
      <c r="I32" s="62"/>
      <c r="J32" s="62"/>
      <c r="K32" s="63"/>
      <c r="L32" s="41"/>
      <c r="P32" s="3"/>
      <c r="Q32" s="3"/>
      <c r="R32" s="3"/>
      <c r="S32" s="3"/>
      <c r="T32" s="3"/>
      <c r="U32" s="3"/>
      <c r="V32" s="3"/>
      <c r="W32" s="3"/>
    </row>
    <row r="33" spans="1:23" s="1" customFormat="1" ht="15.95" customHeight="1" thickBot="1" x14ac:dyDescent="0.3">
      <c r="A33" s="19" t="s">
        <v>183</v>
      </c>
      <c r="B33" s="33">
        <v>80364394364</v>
      </c>
      <c r="C33" s="15" t="s">
        <v>98</v>
      </c>
      <c r="D33" s="9">
        <v>0</v>
      </c>
      <c r="E33" s="6">
        <v>32212</v>
      </c>
      <c r="F33" s="45" t="s">
        <v>2</v>
      </c>
      <c r="G33" s="45"/>
      <c r="H33" s="45"/>
      <c r="I33" s="45"/>
      <c r="J33" s="45"/>
      <c r="K33" s="48"/>
      <c r="L33" s="41"/>
      <c r="P33" s="3"/>
      <c r="Q33" s="3"/>
      <c r="R33" s="3"/>
      <c r="S33" s="3"/>
      <c r="T33" s="3"/>
      <c r="U33" s="3"/>
      <c r="V33" s="3"/>
      <c r="W33" s="3"/>
    </row>
    <row r="34" spans="1:23" s="1" customFormat="1" ht="15.95" customHeight="1" thickBot="1" x14ac:dyDescent="0.3">
      <c r="A34" s="19" t="s">
        <v>136</v>
      </c>
      <c r="B34" s="33">
        <v>19498671843</v>
      </c>
      <c r="C34" s="15" t="s">
        <v>81</v>
      </c>
      <c r="D34" s="9">
        <v>0</v>
      </c>
      <c r="E34" s="6">
        <v>32131</v>
      </c>
      <c r="F34" s="45" t="s">
        <v>0</v>
      </c>
      <c r="G34" s="45"/>
      <c r="H34" s="45"/>
      <c r="I34" s="45"/>
      <c r="J34" s="45"/>
      <c r="K34" s="53"/>
      <c r="L34" s="43"/>
      <c r="O34" s="3"/>
      <c r="P34" s="3"/>
      <c r="Q34" s="3"/>
      <c r="R34" s="3"/>
      <c r="S34" s="3"/>
      <c r="T34" s="3"/>
      <c r="U34" s="3"/>
      <c r="V34" s="3"/>
    </row>
    <row r="35" spans="1:23" s="1" customFormat="1" ht="15.95" customHeight="1" x14ac:dyDescent="0.25">
      <c r="A35" s="19" t="s">
        <v>270</v>
      </c>
      <c r="B35" s="33">
        <v>24796394086</v>
      </c>
      <c r="C35" s="15" t="s">
        <v>98</v>
      </c>
      <c r="D35" s="9">
        <v>55</v>
      </c>
      <c r="E35" s="6">
        <v>32212</v>
      </c>
      <c r="F35" s="71" t="s">
        <v>2</v>
      </c>
      <c r="G35" s="71"/>
      <c r="H35" s="71"/>
      <c r="I35" s="71"/>
      <c r="J35" s="71"/>
      <c r="K35" s="72"/>
      <c r="L35" s="44"/>
      <c r="O35" s="3"/>
      <c r="P35" s="3"/>
      <c r="Q35" s="3"/>
      <c r="R35" s="3"/>
      <c r="S35" s="3"/>
      <c r="T35" s="3"/>
      <c r="U35" s="3"/>
      <c r="V35" s="3"/>
    </row>
    <row r="36" spans="1:23" s="1" customFormat="1" ht="15.95" customHeight="1" x14ac:dyDescent="0.25">
      <c r="A36" s="19" t="s">
        <v>66</v>
      </c>
      <c r="B36" s="33">
        <v>38967655335</v>
      </c>
      <c r="C36" s="15" t="s">
        <v>98</v>
      </c>
      <c r="D36" s="9">
        <v>64</v>
      </c>
      <c r="E36" s="6">
        <v>32212</v>
      </c>
      <c r="F36" s="45" t="s">
        <v>2</v>
      </c>
      <c r="G36" s="45"/>
      <c r="H36" s="45"/>
      <c r="I36" s="45"/>
      <c r="J36" s="45"/>
      <c r="K36" s="48"/>
      <c r="L36" s="44"/>
      <c r="O36" s="3"/>
      <c r="P36" s="3"/>
      <c r="Q36" s="3"/>
      <c r="R36" s="3"/>
      <c r="S36" s="3"/>
      <c r="T36" s="3"/>
      <c r="U36" s="3"/>
      <c r="V36" s="3"/>
    </row>
    <row r="37" spans="1:23" s="1" customFormat="1" ht="15.95" customHeight="1" x14ac:dyDescent="0.25">
      <c r="A37" s="19" t="s">
        <v>286</v>
      </c>
      <c r="B37" s="33">
        <v>69334242602</v>
      </c>
      <c r="C37" s="15" t="s">
        <v>287</v>
      </c>
      <c r="D37" s="9">
        <v>0</v>
      </c>
      <c r="E37" s="6">
        <v>32212</v>
      </c>
      <c r="F37" s="71" t="s">
        <v>2</v>
      </c>
      <c r="G37" s="71"/>
      <c r="H37" s="71"/>
      <c r="I37" s="71"/>
      <c r="J37" s="71"/>
      <c r="K37" s="72"/>
      <c r="L37" s="83" t="s">
        <v>288</v>
      </c>
      <c r="O37" s="3"/>
      <c r="P37" s="3"/>
      <c r="Q37" s="3"/>
      <c r="R37" s="3"/>
      <c r="S37" s="3"/>
      <c r="T37" s="3"/>
      <c r="U37" s="3"/>
      <c r="V37" s="3"/>
    </row>
    <row r="38" spans="1:23" s="1" customFormat="1" ht="15.95" customHeight="1" x14ac:dyDescent="0.25">
      <c r="A38" s="19" t="s">
        <v>310</v>
      </c>
      <c r="B38" s="33">
        <v>70108447975</v>
      </c>
      <c r="C38" s="15" t="s">
        <v>311</v>
      </c>
      <c r="D38" s="9">
        <v>0</v>
      </c>
      <c r="E38" s="6">
        <v>32212</v>
      </c>
      <c r="F38" s="76" t="s">
        <v>2</v>
      </c>
      <c r="G38" s="76"/>
      <c r="H38" s="76"/>
      <c r="I38" s="76"/>
      <c r="J38" s="76"/>
      <c r="K38" s="77"/>
      <c r="L38" s="83"/>
      <c r="O38" s="3"/>
      <c r="P38" s="3"/>
      <c r="Q38" s="3"/>
      <c r="R38" s="3"/>
      <c r="S38" s="3"/>
      <c r="T38" s="3"/>
      <c r="U38" s="3"/>
      <c r="V38" s="3"/>
    </row>
    <row r="39" spans="1:23" s="1" customFormat="1" ht="15.95" customHeight="1" x14ac:dyDescent="0.25">
      <c r="A39" s="19" t="s">
        <v>184</v>
      </c>
      <c r="B39" s="33">
        <v>57010186553</v>
      </c>
      <c r="C39" s="15" t="s">
        <v>98</v>
      </c>
      <c r="D39" s="9">
        <v>0</v>
      </c>
      <c r="E39" s="6">
        <v>32212</v>
      </c>
      <c r="F39" s="45" t="s">
        <v>2</v>
      </c>
      <c r="G39" s="45"/>
      <c r="H39" s="45"/>
      <c r="I39" s="45"/>
      <c r="J39" s="45"/>
      <c r="K39" s="48"/>
      <c r="L39" s="44"/>
      <c r="O39" s="3"/>
      <c r="P39" s="3"/>
      <c r="Q39" s="3"/>
      <c r="R39" s="3"/>
      <c r="S39" s="3"/>
      <c r="T39" s="3"/>
      <c r="U39" s="3"/>
      <c r="V39" s="3"/>
    </row>
    <row r="40" spans="1:23" s="1" customFormat="1" ht="15.95" customHeight="1" x14ac:dyDescent="0.25">
      <c r="A40" s="19" t="s">
        <v>313</v>
      </c>
      <c r="B40" s="33">
        <v>69863470363</v>
      </c>
      <c r="C40" s="15" t="s">
        <v>120</v>
      </c>
      <c r="D40" s="9">
        <v>0</v>
      </c>
      <c r="E40" s="6">
        <v>32212</v>
      </c>
      <c r="F40" s="87" t="s">
        <v>2</v>
      </c>
      <c r="G40" s="87"/>
      <c r="H40" s="87"/>
      <c r="I40" s="87"/>
      <c r="J40" s="87"/>
      <c r="K40" s="88"/>
      <c r="L40" s="83" t="s">
        <v>267</v>
      </c>
      <c r="M40" s="90"/>
      <c r="O40" s="3"/>
      <c r="P40" s="3"/>
      <c r="Q40" s="3"/>
      <c r="R40" s="3"/>
      <c r="S40" s="3"/>
      <c r="T40" s="3"/>
      <c r="U40" s="3"/>
      <c r="V40" s="3"/>
    </row>
    <row r="41" spans="1:23" s="1" customFormat="1" ht="15.95" customHeight="1" x14ac:dyDescent="0.25">
      <c r="A41" s="19" t="s">
        <v>352</v>
      </c>
      <c r="B41" s="28" t="s">
        <v>353</v>
      </c>
      <c r="C41" s="15" t="s">
        <v>98</v>
      </c>
      <c r="D41" s="9">
        <v>17</v>
      </c>
      <c r="E41" s="6">
        <v>32212</v>
      </c>
      <c r="F41" s="106" t="s">
        <v>2</v>
      </c>
      <c r="G41" s="106"/>
      <c r="H41" s="106"/>
      <c r="I41" s="106"/>
      <c r="J41" s="106"/>
      <c r="K41" s="88"/>
      <c r="L41" s="83"/>
      <c r="M41" s="90"/>
      <c r="O41" s="3"/>
      <c r="P41" s="3"/>
      <c r="Q41" s="3"/>
      <c r="R41" s="3"/>
      <c r="S41" s="3"/>
      <c r="T41" s="3"/>
      <c r="U41" s="3"/>
      <c r="V41" s="3"/>
    </row>
    <row r="42" spans="1:23" s="1" customFormat="1" ht="15.95" customHeight="1" x14ac:dyDescent="0.25">
      <c r="A42" s="19" t="s">
        <v>266</v>
      </c>
      <c r="B42" s="33">
        <v>5422306827</v>
      </c>
      <c r="C42" s="15" t="s">
        <v>98</v>
      </c>
      <c r="D42" s="9">
        <v>0</v>
      </c>
      <c r="E42" s="6">
        <v>32212</v>
      </c>
      <c r="F42" s="71" t="s">
        <v>2</v>
      </c>
      <c r="G42" s="71"/>
      <c r="H42" s="71"/>
      <c r="I42" s="71"/>
      <c r="J42" s="71"/>
      <c r="K42" s="72"/>
      <c r="L42" s="83" t="s">
        <v>267</v>
      </c>
      <c r="O42" s="3"/>
      <c r="P42" s="3"/>
      <c r="Q42" s="3"/>
      <c r="R42" s="3"/>
      <c r="S42" s="3"/>
      <c r="T42" s="3"/>
      <c r="U42" s="3"/>
      <c r="V42" s="3"/>
    </row>
    <row r="43" spans="1:23" s="1" customFormat="1" ht="15.95" customHeight="1" x14ac:dyDescent="0.25">
      <c r="A43" s="19" t="s">
        <v>351</v>
      </c>
      <c r="B43" s="33">
        <v>93687324069</v>
      </c>
      <c r="C43" s="15" t="s">
        <v>292</v>
      </c>
      <c r="D43" s="9">
        <v>30</v>
      </c>
      <c r="E43" s="6">
        <v>32212</v>
      </c>
      <c r="F43" s="106" t="s">
        <v>2</v>
      </c>
      <c r="G43" s="106"/>
      <c r="H43" s="106"/>
      <c r="I43" s="106"/>
      <c r="J43" s="106"/>
      <c r="K43" s="88"/>
      <c r="L43" s="83"/>
      <c r="O43" s="3"/>
      <c r="P43" s="3"/>
      <c r="Q43" s="3"/>
      <c r="R43" s="3"/>
      <c r="S43" s="3"/>
      <c r="T43" s="3"/>
      <c r="U43" s="3"/>
      <c r="V43" s="3"/>
    </row>
    <row r="44" spans="1:23" s="1" customFormat="1" ht="15.95" customHeight="1" x14ac:dyDescent="0.25">
      <c r="A44" s="19" t="s">
        <v>224</v>
      </c>
      <c r="B44" s="33">
        <v>8317306471</v>
      </c>
      <c r="C44" s="15" t="s">
        <v>98</v>
      </c>
      <c r="D44" s="9">
        <v>0</v>
      </c>
      <c r="E44" s="6">
        <v>32212</v>
      </c>
      <c r="F44" s="59" t="s">
        <v>2</v>
      </c>
      <c r="G44" s="59"/>
      <c r="H44" s="59"/>
      <c r="I44" s="59"/>
      <c r="J44" s="59"/>
      <c r="K44" s="60"/>
      <c r="L44" s="44"/>
      <c r="O44" s="3"/>
      <c r="P44" s="3"/>
      <c r="Q44" s="3"/>
      <c r="R44" s="3"/>
      <c r="S44" s="3"/>
      <c r="T44" s="3"/>
      <c r="U44" s="3"/>
      <c r="V44" s="3"/>
    </row>
    <row r="45" spans="1:23" s="1" customFormat="1" ht="15.95" customHeight="1" x14ac:dyDescent="0.25">
      <c r="A45" s="19" t="s">
        <v>67</v>
      </c>
      <c r="B45" s="33">
        <v>45065170578</v>
      </c>
      <c r="C45" s="11" t="s">
        <v>122</v>
      </c>
      <c r="D45" s="9">
        <v>0</v>
      </c>
      <c r="E45" s="6">
        <v>32212</v>
      </c>
      <c r="F45" s="108" t="s">
        <v>2</v>
      </c>
      <c r="G45" s="108"/>
      <c r="H45" s="108"/>
      <c r="I45" s="108"/>
      <c r="J45" s="108"/>
      <c r="K45" s="108"/>
      <c r="L45" s="121"/>
      <c r="P45" s="3"/>
      <c r="S45" s="3"/>
      <c r="T45" s="3"/>
      <c r="U45" s="3"/>
      <c r="V45" s="3"/>
      <c r="W45" s="3"/>
    </row>
    <row r="46" spans="1:23" s="1" customFormat="1" ht="15.95" customHeight="1" x14ac:dyDescent="0.25">
      <c r="A46" s="19" t="s">
        <v>110</v>
      </c>
      <c r="B46" s="34">
        <v>91958721295</v>
      </c>
      <c r="C46" s="15" t="s">
        <v>101</v>
      </c>
      <c r="D46" s="9">
        <v>0</v>
      </c>
      <c r="E46" s="6">
        <v>32214</v>
      </c>
      <c r="F46" s="108" t="s">
        <v>3</v>
      </c>
      <c r="G46" s="108"/>
      <c r="H46" s="108"/>
      <c r="I46" s="108"/>
      <c r="J46" s="108"/>
      <c r="K46" s="108"/>
      <c r="L46" s="109"/>
      <c r="P46" s="3"/>
      <c r="W46" s="3"/>
    </row>
    <row r="47" spans="1:23" s="1" customFormat="1" ht="15.95" customHeight="1" x14ac:dyDescent="0.25">
      <c r="A47" s="19" t="s">
        <v>230</v>
      </c>
      <c r="B47" s="34">
        <v>1167652428</v>
      </c>
      <c r="C47" s="15" t="s">
        <v>81</v>
      </c>
      <c r="D47" s="9">
        <v>0</v>
      </c>
      <c r="E47" s="6">
        <v>32214</v>
      </c>
      <c r="F47" s="62" t="s">
        <v>3</v>
      </c>
      <c r="G47" s="62"/>
      <c r="H47" s="62"/>
      <c r="I47" s="62"/>
      <c r="J47" s="62"/>
      <c r="K47" s="62"/>
      <c r="L47" s="68"/>
      <c r="P47" s="3"/>
      <c r="W47" s="3"/>
    </row>
    <row r="48" spans="1:23" s="1" customFormat="1" ht="15.95" customHeight="1" x14ac:dyDescent="0.25">
      <c r="A48" s="19" t="s">
        <v>155</v>
      </c>
      <c r="B48" s="34">
        <v>71075957449</v>
      </c>
      <c r="C48" s="15" t="s">
        <v>81</v>
      </c>
      <c r="D48" s="9">
        <v>0</v>
      </c>
      <c r="E48" s="6">
        <v>32214</v>
      </c>
      <c r="F48" s="71" t="s">
        <v>272</v>
      </c>
      <c r="G48" s="71"/>
      <c r="H48" s="71"/>
      <c r="I48" s="71"/>
      <c r="J48" s="71"/>
      <c r="K48" s="71"/>
      <c r="L48" s="73"/>
      <c r="P48" s="3"/>
      <c r="W48" s="3"/>
    </row>
    <row r="49" spans="1:23" s="1" customFormat="1" ht="15.95" customHeight="1" x14ac:dyDescent="0.25">
      <c r="A49" s="19" t="s">
        <v>96</v>
      </c>
      <c r="B49" s="34">
        <v>62226620908</v>
      </c>
      <c r="C49" s="15" t="s">
        <v>98</v>
      </c>
      <c r="D49" s="9">
        <v>0</v>
      </c>
      <c r="E49" s="6">
        <v>32214</v>
      </c>
      <c r="F49" s="62" t="s">
        <v>3</v>
      </c>
      <c r="G49" s="62"/>
      <c r="H49" s="62"/>
      <c r="I49" s="62"/>
      <c r="J49" s="62"/>
      <c r="K49" s="62"/>
      <c r="L49" s="68"/>
      <c r="P49" s="3"/>
      <c r="W49" s="3"/>
    </row>
    <row r="50" spans="1:23" s="1" customFormat="1" ht="15.95" customHeight="1" x14ac:dyDescent="0.25">
      <c r="A50" s="19" t="s">
        <v>190</v>
      </c>
      <c r="B50" s="34">
        <v>46395136078</v>
      </c>
      <c r="C50" s="15" t="s">
        <v>191</v>
      </c>
      <c r="D50" s="9">
        <v>0</v>
      </c>
      <c r="E50" s="6">
        <v>32214</v>
      </c>
      <c r="F50" s="45" t="s">
        <v>3</v>
      </c>
      <c r="G50" s="45"/>
      <c r="H50" s="45"/>
      <c r="I50" s="45"/>
      <c r="J50" s="45"/>
      <c r="K50" s="45"/>
      <c r="L50" s="53"/>
      <c r="P50" s="3"/>
      <c r="W50" s="3"/>
    </row>
    <row r="51" spans="1:23" s="1" customFormat="1" ht="15.95" customHeight="1" x14ac:dyDescent="0.25">
      <c r="A51" s="19" t="s">
        <v>146</v>
      </c>
      <c r="B51" s="33">
        <v>8297468577</v>
      </c>
      <c r="C51" s="11" t="s">
        <v>81</v>
      </c>
      <c r="D51" s="9">
        <v>0</v>
      </c>
      <c r="E51" s="6">
        <v>32214</v>
      </c>
      <c r="F51" s="108" t="s">
        <v>3</v>
      </c>
      <c r="G51" s="108"/>
      <c r="H51" s="108"/>
      <c r="I51" s="108"/>
      <c r="J51" s="108"/>
      <c r="K51" s="108"/>
      <c r="L51" s="109"/>
      <c r="W51" s="3"/>
    </row>
    <row r="52" spans="1:23" s="1" customFormat="1" ht="15.95" customHeight="1" x14ac:dyDescent="0.25">
      <c r="A52" s="19" t="s">
        <v>68</v>
      </c>
      <c r="B52" s="29" t="s">
        <v>118</v>
      </c>
      <c r="C52" s="15" t="s">
        <v>101</v>
      </c>
      <c r="D52" s="9">
        <v>0</v>
      </c>
      <c r="E52" s="6">
        <v>32214</v>
      </c>
      <c r="F52" s="108" t="s">
        <v>3</v>
      </c>
      <c r="G52" s="108"/>
      <c r="H52" s="108"/>
      <c r="I52" s="108"/>
      <c r="J52" s="108"/>
      <c r="K52" s="108"/>
      <c r="L52" s="109"/>
    </row>
    <row r="53" spans="1:23" s="1" customFormat="1" ht="15.95" customHeight="1" x14ac:dyDescent="0.25">
      <c r="A53" s="19" t="s">
        <v>68</v>
      </c>
      <c r="B53" s="33">
        <v>721719381</v>
      </c>
      <c r="C53" s="15" t="s">
        <v>101</v>
      </c>
      <c r="D53" s="9">
        <v>0</v>
      </c>
      <c r="E53" s="6">
        <v>32219</v>
      </c>
      <c r="F53" s="108" t="s">
        <v>4</v>
      </c>
      <c r="G53" s="108"/>
      <c r="H53" s="108"/>
      <c r="I53" s="108"/>
      <c r="J53" s="108"/>
      <c r="K53" s="108"/>
      <c r="L53" s="109"/>
    </row>
    <row r="54" spans="1:23" s="1" customFormat="1" ht="15.95" customHeight="1" x14ac:dyDescent="0.25">
      <c r="A54" s="19" t="s">
        <v>216</v>
      </c>
      <c r="B54" s="33">
        <v>5614216244</v>
      </c>
      <c r="C54" s="15" t="s">
        <v>98</v>
      </c>
      <c r="D54" s="9">
        <v>0</v>
      </c>
      <c r="E54" s="6">
        <v>32219</v>
      </c>
      <c r="F54" s="45" t="s">
        <v>4</v>
      </c>
      <c r="G54" s="45"/>
      <c r="H54" s="45"/>
      <c r="I54" s="45"/>
      <c r="J54" s="45"/>
      <c r="K54" s="45"/>
      <c r="L54" s="53"/>
    </row>
    <row r="55" spans="1:23" s="1" customFormat="1" ht="15.95" customHeight="1" x14ac:dyDescent="0.25">
      <c r="A55" s="19" t="s">
        <v>205</v>
      </c>
      <c r="B55" s="33">
        <v>80279678372</v>
      </c>
      <c r="C55" s="15" t="s">
        <v>81</v>
      </c>
      <c r="D55" s="9">
        <v>0</v>
      </c>
      <c r="E55" s="6">
        <v>32219</v>
      </c>
      <c r="F55" s="45" t="s">
        <v>4</v>
      </c>
      <c r="G55" s="45"/>
      <c r="H55" s="45"/>
      <c r="I55" s="45"/>
      <c r="J55" s="45"/>
      <c r="K55" s="45"/>
      <c r="L55" s="53"/>
    </row>
    <row r="56" spans="1:23" s="1" customFormat="1" ht="15.95" customHeight="1" x14ac:dyDescent="0.25">
      <c r="A56" s="19" t="s">
        <v>215</v>
      </c>
      <c r="B56" s="33">
        <v>87301734795</v>
      </c>
      <c r="C56" s="15" t="s">
        <v>93</v>
      </c>
      <c r="D56" s="9">
        <v>0</v>
      </c>
      <c r="E56" s="6">
        <v>32219</v>
      </c>
      <c r="F56" s="45" t="s">
        <v>4</v>
      </c>
      <c r="G56" s="45"/>
      <c r="H56" s="45"/>
      <c r="I56" s="45"/>
      <c r="J56" s="45"/>
      <c r="K56" s="45"/>
      <c r="L56" s="53"/>
    </row>
    <row r="57" spans="1:23" s="1" customFormat="1" ht="15.95" customHeight="1" x14ac:dyDescent="0.25">
      <c r="A57" s="19" t="s">
        <v>69</v>
      </c>
      <c r="B57" s="14" t="s">
        <v>108</v>
      </c>
      <c r="C57" s="15" t="s">
        <v>81</v>
      </c>
      <c r="D57" s="9">
        <v>131.66</v>
      </c>
      <c r="E57" s="6">
        <v>32219</v>
      </c>
      <c r="F57" s="108" t="s">
        <v>4</v>
      </c>
      <c r="G57" s="108"/>
      <c r="H57" s="108"/>
      <c r="I57" s="108"/>
      <c r="J57" s="108"/>
      <c r="K57" s="108"/>
      <c r="L57" s="109"/>
    </row>
    <row r="58" spans="1:23" s="1" customFormat="1" ht="15.95" customHeight="1" x14ac:dyDescent="0.25">
      <c r="A58" s="19" t="s">
        <v>134</v>
      </c>
      <c r="B58" s="35" t="s">
        <v>135</v>
      </c>
      <c r="C58" s="30" t="s">
        <v>81</v>
      </c>
      <c r="D58" s="9">
        <v>57.3</v>
      </c>
      <c r="E58" s="6">
        <v>32219</v>
      </c>
      <c r="F58" s="108" t="s">
        <v>4</v>
      </c>
      <c r="G58" s="108"/>
      <c r="H58" s="108"/>
      <c r="I58" s="108"/>
      <c r="J58" s="108"/>
      <c r="K58" s="108"/>
      <c r="L58" s="109"/>
    </row>
    <row r="59" spans="1:23" s="1" customFormat="1" ht="15.95" customHeight="1" x14ac:dyDescent="0.25">
      <c r="A59" s="19" t="s">
        <v>165</v>
      </c>
      <c r="B59" s="35" t="s">
        <v>166</v>
      </c>
      <c r="C59" s="30" t="s">
        <v>81</v>
      </c>
      <c r="D59" s="9">
        <v>0</v>
      </c>
      <c r="E59" s="6">
        <v>32219</v>
      </c>
      <c r="F59" s="45" t="s">
        <v>4</v>
      </c>
      <c r="G59" s="45"/>
      <c r="H59" s="45"/>
      <c r="I59" s="45"/>
      <c r="J59" s="45"/>
      <c r="K59" s="45"/>
      <c r="L59" s="53"/>
    </row>
    <row r="60" spans="1:23" s="1" customFormat="1" ht="15.95" customHeight="1" x14ac:dyDescent="0.25">
      <c r="A60" s="19" t="s">
        <v>112</v>
      </c>
      <c r="B60" s="33">
        <v>83418057205</v>
      </c>
      <c r="C60" s="11" t="s">
        <v>81</v>
      </c>
      <c r="D60" s="9">
        <v>0</v>
      </c>
      <c r="E60" s="6">
        <v>32219</v>
      </c>
      <c r="F60" s="108" t="s">
        <v>4</v>
      </c>
      <c r="G60" s="108"/>
      <c r="H60" s="108"/>
      <c r="I60" s="108"/>
      <c r="J60" s="108"/>
      <c r="K60" s="108"/>
      <c r="L60" s="109"/>
    </row>
    <row r="61" spans="1:23" s="1" customFormat="1" ht="15.95" customHeight="1" x14ac:dyDescent="0.25">
      <c r="A61" s="20" t="s">
        <v>102</v>
      </c>
      <c r="B61" s="14" t="s">
        <v>103</v>
      </c>
      <c r="C61" s="15" t="s">
        <v>120</v>
      </c>
      <c r="D61" s="9">
        <v>1438.52</v>
      </c>
      <c r="E61" s="6">
        <v>32224</v>
      </c>
      <c r="F61" s="108" t="s">
        <v>274</v>
      </c>
      <c r="G61" s="108"/>
      <c r="H61" s="108"/>
      <c r="I61" s="108"/>
      <c r="J61" s="108"/>
      <c r="K61" s="108"/>
      <c r="L61" s="109"/>
    </row>
    <row r="62" spans="1:23" s="1" customFormat="1" ht="15.95" customHeight="1" x14ac:dyDescent="0.25">
      <c r="A62" s="20" t="s">
        <v>209</v>
      </c>
      <c r="B62" s="14" t="s">
        <v>210</v>
      </c>
      <c r="C62" s="15" t="s">
        <v>98</v>
      </c>
      <c r="D62" s="9">
        <v>695.63</v>
      </c>
      <c r="E62" s="6">
        <v>32224</v>
      </c>
      <c r="F62" s="45" t="s">
        <v>57</v>
      </c>
      <c r="G62" s="45"/>
      <c r="H62" s="45"/>
      <c r="I62" s="45"/>
      <c r="J62" s="45"/>
      <c r="K62" s="45"/>
      <c r="L62" s="53"/>
    </row>
    <row r="63" spans="1:23" s="1" customFormat="1" ht="15.95" customHeight="1" x14ac:dyDescent="0.25">
      <c r="A63" s="20" t="s">
        <v>96</v>
      </c>
      <c r="B63" s="14" t="s">
        <v>97</v>
      </c>
      <c r="C63" s="15" t="s">
        <v>98</v>
      </c>
      <c r="D63" s="9">
        <v>0</v>
      </c>
      <c r="E63" s="6">
        <v>32224</v>
      </c>
      <c r="F63" s="108" t="s">
        <v>274</v>
      </c>
      <c r="G63" s="108"/>
      <c r="H63" s="108"/>
      <c r="I63" s="108"/>
      <c r="J63" s="108"/>
      <c r="K63" s="108"/>
      <c r="L63" s="109"/>
    </row>
    <row r="64" spans="1:23" s="1" customFormat="1" ht="15.95" customHeight="1" x14ac:dyDescent="0.25">
      <c r="A64" s="20" t="s">
        <v>293</v>
      </c>
      <c r="B64" s="14" t="s">
        <v>294</v>
      </c>
      <c r="C64" s="15" t="s">
        <v>81</v>
      </c>
      <c r="D64" s="9">
        <v>0</v>
      </c>
      <c r="E64" s="6">
        <v>32224</v>
      </c>
      <c r="F64" s="71" t="s">
        <v>57</v>
      </c>
      <c r="G64" s="71"/>
      <c r="H64" s="71"/>
      <c r="I64" s="71"/>
      <c r="J64" s="85" t="s">
        <v>269</v>
      </c>
      <c r="K64" s="71"/>
      <c r="L64" s="73"/>
    </row>
    <row r="65" spans="1:23" s="1" customFormat="1" ht="15.95" customHeight="1" x14ac:dyDescent="0.25">
      <c r="A65" s="5" t="s">
        <v>154</v>
      </c>
      <c r="B65" s="33">
        <v>47668908975</v>
      </c>
      <c r="C65" s="15" t="s">
        <v>81</v>
      </c>
      <c r="D65" s="9">
        <v>692.64</v>
      </c>
      <c r="E65" s="6">
        <v>32224</v>
      </c>
      <c r="F65" s="108" t="s">
        <v>274</v>
      </c>
      <c r="G65" s="108"/>
      <c r="H65" s="108"/>
      <c r="I65" s="108"/>
      <c r="J65" s="108"/>
      <c r="K65" s="108"/>
      <c r="L65" s="109"/>
      <c r="R65" s="3"/>
      <c r="S65" s="3"/>
      <c r="T65" s="3"/>
      <c r="U65" s="3"/>
      <c r="V65" s="3"/>
      <c r="W65" s="3"/>
    </row>
    <row r="66" spans="1:23" s="1" customFormat="1" ht="15.95" customHeight="1" x14ac:dyDescent="0.25">
      <c r="A66" s="5" t="s">
        <v>155</v>
      </c>
      <c r="B66" s="33">
        <v>71075957449</v>
      </c>
      <c r="C66" s="15" t="s">
        <v>81</v>
      </c>
      <c r="D66" s="9">
        <v>603.42999999999995</v>
      </c>
      <c r="E66" s="6">
        <v>32224</v>
      </c>
      <c r="F66" s="45" t="s">
        <v>57</v>
      </c>
      <c r="G66" s="45"/>
      <c r="H66" s="45"/>
      <c r="I66" s="45"/>
      <c r="J66" s="45"/>
      <c r="K66" s="45"/>
      <c r="L66" s="53"/>
      <c r="R66" s="3"/>
      <c r="S66" s="3"/>
      <c r="T66" s="3"/>
      <c r="U66" s="3"/>
      <c r="V66" s="3"/>
      <c r="W66" s="3"/>
    </row>
    <row r="67" spans="1:23" s="1" customFormat="1" ht="15.95" customHeight="1" x14ac:dyDescent="0.25">
      <c r="A67" s="5" t="s">
        <v>339</v>
      </c>
      <c r="B67" s="33">
        <v>27398411658</v>
      </c>
      <c r="C67" s="15" t="s">
        <v>81</v>
      </c>
      <c r="D67" s="9">
        <v>0</v>
      </c>
      <c r="E67" s="6">
        <v>32224</v>
      </c>
      <c r="F67" s="101" t="s">
        <v>57</v>
      </c>
      <c r="G67" s="101"/>
      <c r="H67" s="101"/>
      <c r="I67" s="105" t="s">
        <v>269</v>
      </c>
      <c r="J67" s="101"/>
      <c r="K67" s="101"/>
      <c r="L67" s="102"/>
      <c r="R67" s="3"/>
      <c r="S67" s="3"/>
      <c r="T67" s="3"/>
      <c r="U67" s="3"/>
      <c r="V67" s="3"/>
      <c r="W67" s="3"/>
    </row>
    <row r="68" spans="1:23" s="1" customFormat="1" ht="15.95" customHeight="1" x14ac:dyDescent="0.25">
      <c r="A68" s="5" t="s">
        <v>124</v>
      </c>
      <c r="B68" s="34">
        <v>27398411658</v>
      </c>
      <c r="C68" s="15" t="s">
        <v>81</v>
      </c>
      <c r="D68" s="9">
        <v>0</v>
      </c>
      <c r="E68" s="6">
        <v>32224</v>
      </c>
      <c r="F68" s="108" t="s">
        <v>57</v>
      </c>
      <c r="G68" s="108"/>
      <c r="H68" s="108"/>
      <c r="I68" s="108"/>
      <c r="J68" s="108"/>
      <c r="K68" s="108"/>
      <c r="L68" s="109"/>
    </row>
    <row r="69" spans="1:23" s="1" customFormat="1" ht="15.95" customHeight="1" x14ac:dyDescent="0.25">
      <c r="A69" s="5" t="s">
        <v>291</v>
      </c>
      <c r="B69" s="34">
        <v>24723122482</v>
      </c>
      <c r="C69" s="15" t="s">
        <v>292</v>
      </c>
      <c r="D69" s="9">
        <v>972.27</v>
      </c>
      <c r="E69" s="6">
        <v>32224</v>
      </c>
      <c r="F69" s="71" t="s">
        <v>57</v>
      </c>
      <c r="G69" s="71"/>
      <c r="H69" s="71"/>
      <c r="I69" s="71"/>
      <c r="J69" s="85" t="s">
        <v>269</v>
      </c>
      <c r="K69" s="71"/>
      <c r="L69" s="73"/>
    </row>
    <row r="70" spans="1:23" s="1" customFormat="1" ht="15.95" customHeight="1" x14ac:dyDescent="0.25">
      <c r="A70" s="19" t="s">
        <v>110</v>
      </c>
      <c r="B70" s="34">
        <v>91958721295</v>
      </c>
      <c r="C70" s="15" t="s">
        <v>101</v>
      </c>
      <c r="D70" s="9">
        <v>0</v>
      </c>
      <c r="E70" s="6">
        <v>32224</v>
      </c>
      <c r="F70" s="122" t="s">
        <v>340</v>
      </c>
      <c r="G70" s="122"/>
      <c r="H70" s="122"/>
      <c r="I70" s="122"/>
      <c r="J70" s="122"/>
      <c r="K70" s="122"/>
      <c r="L70" s="123"/>
    </row>
    <row r="71" spans="1:23" s="1" customFormat="1" ht="15.95" customHeight="1" x14ac:dyDescent="0.25">
      <c r="A71" s="5" t="s">
        <v>151</v>
      </c>
      <c r="B71" s="33">
        <v>40615817881</v>
      </c>
      <c r="C71" s="15" t="s">
        <v>152</v>
      </c>
      <c r="D71" s="9">
        <v>650</v>
      </c>
      <c r="E71" s="6">
        <v>32224</v>
      </c>
      <c r="F71" s="108" t="s">
        <v>273</v>
      </c>
      <c r="G71" s="108"/>
      <c r="H71" s="108"/>
      <c r="I71" s="108"/>
      <c r="J71" s="108"/>
      <c r="K71" s="108"/>
      <c r="L71" s="109"/>
    </row>
    <row r="72" spans="1:23" s="1" customFormat="1" ht="15.95" customHeight="1" x14ac:dyDescent="0.25">
      <c r="A72" s="5" t="s">
        <v>332</v>
      </c>
      <c r="B72" s="33">
        <v>34250704789</v>
      </c>
      <c r="C72" s="15" t="s">
        <v>333</v>
      </c>
      <c r="D72" s="9">
        <v>0</v>
      </c>
      <c r="E72" s="6">
        <v>32224</v>
      </c>
      <c r="F72" s="97" t="s">
        <v>57</v>
      </c>
      <c r="G72" s="97"/>
      <c r="H72" s="97"/>
      <c r="I72" s="99"/>
      <c r="J72" s="99" t="s">
        <v>269</v>
      </c>
      <c r="K72" s="99"/>
      <c r="L72" s="100"/>
    </row>
    <row r="73" spans="1:23" s="1" customFormat="1" ht="15.95" customHeight="1" x14ac:dyDescent="0.25">
      <c r="A73" s="20" t="s">
        <v>99</v>
      </c>
      <c r="B73" s="14" t="s">
        <v>100</v>
      </c>
      <c r="C73" s="15" t="s">
        <v>101</v>
      </c>
      <c r="D73" s="9">
        <v>791.9</v>
      </c>
      <c r="E73" s="6">
        <v>32224</v>
      </c>
      <c r="F73" s="108" t="s">
        <v>274</v>
      </c>
      <c r="G73" s="108"/>
      <c r="H73" s="108"/>
      <c r="I73" s="108"/>
      <c r="J73" s="108"/>
      <c r="K73" s="108"/>
      <c r="L73" s="109"/>
    </row>
    <row r="74" spans="1:23" s="1" customFormat="1" ht="15.95" customHeight="1" x14ac:dyDescent="0.25">
      <c r="A74" s="19" t="s">
        <v>113</v>
      </c>
      <c r="B74" s="36">
        <v>76696472650</v>
      </c>
      <c r="C74" s="15" t="s">
        <v>81</v>
      </c>
      <c r="D74" s="9">
        <v>3818.45</v>
      </c>
      <c r="E74" s="6">
        <v>32224</v>
      </c>
      <c r="F74" s="108" t="s">
        <v>274</v>
      </c>
      <c r="G74" s="108"/>
      <c r="H74" s="108"/>
      <c r="I74" s="108"/>
      <c r="J74" s="108"/>
      <c r="K74" s="108"/>
      <c r="L74" s="109"/>
    </row>
    <row r="75" spans="1:23" s="1" customFormat="1" ht="15.95" customHeight="1" x14ac:dyDescent="0.25">
      <c r="A75" s="19" t="s">
        <v>99</v>
      </c>
      <c r="B75" s="36">
        <v>62017555266</v>
      </c>
      <c r="C75" s="15" t="s">
        <v>101</v>
      </c>
      <c r="D75" s="9">
        <v>0</v>
      </c>
      <c r="E75" s="6">
        <v>32224</v>
      </c>
      <c r="F75" s="45" t="s">
        <v>275</v>
      </c>
      <c r="G75" s="45"/>
      <c r="H75" s="45"/>
      <c r="I75" s="45"/>
      <c r="J75" s="45"/>
      <c r="K75" s="45"/>
      <c r="L75" s="53"/>
    </row>
    <row r="76" spans="1:23" s="1" customFormat="1" ht="15.95" customHeight="1" x14ac:dyDescent="0.25">
      <c r="A76" s="19" t="s">
        <v>276</v>
      </c>
      <c r="B76" s="36">
        <v>44138062462</v>
      </c>
      <c r="C76" s="15" t="s">
        <v>120</v>
      </c>
      <c r="D76" s="9">
        <v>0</v>
      </c>
      <c r="E76" s="6">
        <v>32224</v>
      </c>
      <c r="F76" s="71" t="s">
        <v>277</v>
      </c>
      <c r="G76" s="71"/>
      <c r="H76" s="85" t="s">
        <v>278</v>
      </c>
      <c r="I76" s="71"/>
      <c r="J76" s="71"/>
      <c r="K76" s="71"/>
      <c r="L76" s="84" t="s">
        <v>269</v>
      </c>
    </row>
    <row r="77" spans="1:23" s="1" customFormat="1" ht="15.95" customHeight="1" x14ac:dyDescent="0.25">
      <c r="A77" s="19" t="s">
        <v>153</v>
      </c>
      <c r="B77" s="26">
        <v>20875158435</v>
      </c>
      <c r="C77" s="15" t="s">
        <v>81</v>
      </c>
      <c r="D77" s="9">
        <v>0</v>
      </c>
      <c r="E77" s="6">
        <v>32224</v>
      </c>
      <c r="F77" s="122" t="s">
        <v>279</v>
      </c>
      <c r="G77" s="122"/>
      <c r="H77" s="122"/>
      <c r="I77" s="122"/>
      <c r="J77" s="122"/>
      <c r="K77" s="122"/>
      <c r="L77" s="123"/>
    </row>
    <row r="78" spans="1:23" s="1" customFormat="1" ht="15.95" customHeight="1" x14ac:dyDescent="0.25">
      <c r="A78" s="19" t="s">
        <v>214</v>
      </c>
      <c r="B78" s="26">
        <v>94595244736</v>
      </c>
      <c r="C78" s="15" t="s">
        <v>104</v>
      </c>
      <c r="D78" s="9">
        <v>0</v>
      </c>
      <c r="E78" s="6">
        <v>32229</v>
      </c>
      <c r="F78" s="45" t="s">
        <v>125</v>
      </c>
      <c r="G78" s="45"/>
      <c r="H78" s="45"/>
      <c r="I78" s="45"/>
      <c r="J78" s="45"/>
      <c r="K78" s="45"/>
      <c r="L78" s="53"/>
    </row>
    <row r="79" spans="1:23" s="1" customFormat="1" ht="15.95" customHeight="1" x14ac:dyDescent="0.25">
      <c r="A79" s="19" t="s">
        <v>110</v>
      </c>
      <c r="B79" s="26">
        <v>91958721295</v>
      </c>
      <c r="C79" s="15" t="s">
        <v>101</v>
      </c>
      <c r="D79" s="9">
        <v>81.94</v>
      </c>
      <c r="E79" s="6">
        <v>32229</v>
      </c>
      <c r="F79" s="108" t="s">
        <v>125</v>
      </c>
      <c r="G79" s="108"/>
      <c r="H79" s="108"/>
      <c r="I79" s="108"/>
      <c r="J79" s="108"/>
      <c r="K79" s="108"/>
      <c r="L79" s="109"/>
    </row>
    <row r="80" spans="1:23" s="1" customFormat="1" ht="15.95" customHeight="1" x14ac:dyDescent="0.25">
      <c r="A80" s="19" t="s">
        <v>334</v>
      </c>
      <c r="B80" s="26">
        <v>43965974818</v>
      </c>
      <c r="C80" s="15" t="s">
        <v>98</v>
      </c>
      <c r="D80" s="9">
        <v>0</v>
      </c>
      <c r="E80" s="6">
        <v>32231</v>
      </c>
      <c r="F80" s="97" t="s">
        <v>25</v>
      </c>
      <c r="G80" s="97"/>
      <c r="H80" s="97"/>
      <c r="I80" s="97"/>
      <c r="J80" s="97"/>
      <c r="K80" s="97"/>
      <c r="L80" s="98"/>
    </row>
    <row r="81" spans="1:15" s="1" customFormat="1" ht="15.95" customHeight="1" x14ac:dyDescent="0.25">
      <c r="A81" s="20" t="s">
        <v>94</v>
      </c>
      <c r="B81" s="14" t="s">
        <v>95</v>
      </c>
      <c r="C81" s="15" t="s">
        <v>98</v>
      </c>
      <c r="D81" s="9">
        <v>527.24</v>
      </c>
      <c r="E81" s="6">
        <v>32231</v>
      </c>
      <c r="F81" s="108" t="s">
        <v>25</v>
      </c>
      <c r="G81" s="108"/>
      <c r="H81" s="108"/>
      <c r="I81" s="108"/>
      <c r="J81" s="108"/>
      <c r="K81" s="108"/>
      <c r="L81" s="109"/>
    </row>
    <row r="82" spans="1:15" s="1" customFormat="1" ht="15.95" customHeight="1" x14ac:dyDescent="0.25">
      <c r="A82" s="19" t="s">
        <v>129</v>
      </c>
      <c r="B82" s="14" t="s">
        <v>130</v>
      </c>
      <c r="C82" s="15" t="s">
        <v>131</v>
      </c>
      <c r="D82" s="9">
        <v>24.34</v>
      </c>
      <c r="E82" s="6">
        <v>32233</v>
      </c>
      <c r="F82" s="113" t="s">
        <v>5</v>
      </c>
      <c r="G82" s="113"/>
      <c r="H82" s="113"/>
      <c r="I82" s="113"/>
      <c r="J82" s="113"/>
      <c r="K82" s="113"/>
      <c r="L82" s="114"/>
    </row>
    <row r="83" spans="1:15" s="1" customFormat="1" ht="15.95" customHeight="1" x14ac:dyDescent="0.25">
      <c r="A83" s="19" t="s">
        <v>264</v>
      </c>
      <c r="B83" s="14" t="s">
        <v>265</v>
      </c>
      <c r="C83" s="15" t="s">
        <v>98</v>
      </c>
      <c r="D83" s="9">
        <v>0</v>
      </c>
      <c r="E83" s="6">
        <v>32239</v>
      </c>
      <c r="F83" s="64" t="s">
        <v>263</v>
      </c>
      <c r="G83" s="64"/>
      <c r="H83" s="64"/>
      <c r="I83" s="64"/>
      <c r="J83" s="64"/>
      <c r="K83" s="64"/>
      <c r="L83" s="66"/>
    </row>
    <row r="84" spans="1:15" s="1" customFormat="1" ht="15.95" customHeight="1" x14ac:dyDescent="0.25">
      <c r="A84" s="19" t="s">
        <v>160</v>
      </c>
      <c r="B84" s="14" t="s">
        <v>262</v>
      </c>
      <c r="C84" s="15" t="s">
        <v>98</v>
      </c>
      <c r="D84" s="9">
        <v>0</v>
      </c>
      <c r="E84" s="6">
        <v>32239</v>
      </c>
      <c r="F84" s="64" t="s">
        <v>263</v>
      </c>
      <c r="G84" s="64"/>
      <c r="H84" s="64"/>
      <c r="I84" s="64"/>
      <c r="J84" s="64"/>
      <c r="K84" s="64"/>
      <c r="L84" s="66"/>
    </row>
    <row r="85" spans="1:15" s="1" customFormat="1" ht="15.95" customHeight="1" x14ac:dyDescent="0.25">
      <c r="A85" s="19" t="s">
        <v>160</v>
      </c>
      <c r="B85" s="29">
        <v>27759560625</v>
      </c>
      <c r="C85" s="11" t="s">
        <v>98</v>
      </c>
      <c r="D85" s="9">
        <v>104.1</v>
      </c>
      <c r="E85" s="6">
        <v>32234</v>
      </c>
      <c r="F85" s="113" t="s">
        <v>31</v>
      </c>
      <c r="G85" s="113"/>
      <c r="H85" s="113"/>
      <c r="I85" s="113"/>
      <c r="J85" s="113"/>
      <c r="K85" s="113"/>
      <c r="L85" s="114"/>
      <c r="O85" s="3"/>
    </row>
    <row r="86" spans="1:15" s="1" customFormat="1" ht="15.95" customHeight="1" x14ac:dyDescent="0.25">
      <c r="A86" s="19" t="s">
        <v>161</v>
      </c>
      <c r="B86" s="29">
        <v>32179081874</v>
      </c>
      <c r="C86" s="11" t="s">
        <v>162</v>
      </c>
      <c r="D86" s="9">
        <v>0</v>
      </c>
      <c r="E86" s="6">
        <v>32233</v>
      </c>
      <c r="F86" s="49" t="s">
        <v>163</v>
      </c>
      <c r="G86" s="49"/>
      <c r="H86" s="49"/>
      <c r="I86" s="49"/>
      <c r="J86" s="49"/>
      <c r="K86" s="49"/>
      <c r="L86" s="51"/>
      <c r="O86" s="3"/>
    </row>
    <row r="87" spans="1:15" s="1" customFormat="1" ht="15.95" customHeight="1" x14ac:dyDescent="0.25">
      <c r="A87" s="19" t="s">
        <v>69</v>
      </c>
      <c r="B87" s="69" t="s">
        <v>108</v>
      </c>
      <c r="C87" s="33" t="s">
        <v>81</v>
      </c>
      <c r="D87" s="9">
        <v>0</v>
      </c>
      <c r="E87" s="6">
        <v>32251</v>
      </c>
      <c r="F87" s="57" t="s">
        <v>6</v>
      </c>
      <c r="G87" s="57"/>
      <c r="H87" s="57"/>
      <c r="I87" s="57"/>
      <c r="J87" s="57"/>
      <c r="K87" s="57"/>
      <c r="L87" s="82" t="s">
        <v>269</v>
      </c>
      <c r="O87" s="3"/>
    </row>
    <row r="88" spans="1:15" s="1" customFormat="1" ht="15.95" customHeight="1" x14ac:dyDescent="0.25">
      <c r="A88" s="19" t="s">
        <v>256</v>
      </c>
      <c r="B88" s="75" t="s">
        <v>257</v>
      </c>
      <c r="C88" s="33" t="s">
        <v>98</v>
      </c>
      <c r="D88" s="9">
        <v>0</v>
      </c>
      <c r="E88" s="6">
        <v>32251</v>
      </c>
      <c r="F88" s="64" t="s">
        <v>6</v>
      </c>
      <c r="G88" s="64"/>
      <c r="H88" s="64"/>
      <c r="I88" s="64"/>
      <c r="J88" s="64"/>
      <c r="K88" s="64"/>
      <c r="L88" s="66"/>
      <c r="O88" s="3"/>
    </row>
    <row r="89" spans="1:15" s="1" customFormat="1" ht="15.95" customHeight="1" x14ac:dyDescent="0.25">
      <c r="A89" s="19" t="s">
        <v>297</v>
      </c>
      <c r="B89" s="75" t="s">
        <v>298</v>
      </c>
      <c r="C89" s="33" t="s">
        <v>81</v>
      </c>
      <c r="D89" s="9">
        <v>0</v>
      </c>
      <c r="E89" s="6">
        <v>32251</v>
      </c>
      <c r="F89" s="78" t="s">
        <v>6</v>
      </c>
      <c r="G89" s="78"/>
      <c r="H89" s="78"/>
      <c r="I89" s="78"/>
      <c r="J89" s="78"/>
      <c r="K89" s="78"/>
      <c r="L89" s="80"/>
      <c r="O89" s="3"/>
    </row>
    <row r="90" spans="1:15" s="1" customFormat="1" ht="15.95" customHeight="1" x14ac:dyDescent="0.25">
      <c r="A90" s="19" t="s">
        <v>306</v>
      </c>
      <c r="B90" s="75" t="s">
        <v>307</v>
      </c>
      <c r="C90" s="33" t="s">
        <v>308</v>
      </c>
      <c r="D90" s="9">
        <v>0</v>
      </c>
      <c r="E90" s="6">
        <v>32251</v>
      </c>
      <c r="F90" s="78" t="s">
        <v>6</v>
      </c>
      <c r="G90" s="78"/>
      <c r="H90" s="78"/>
      <c r="I90" s="78"/>
      <c r="J90" s="78"/>
      <c r="K90" s="78"/>
      <c r="L90" s="82" t="s">
        <v>309</v>
      </c>
      <c r="O90" s="3"/>
    </row>
    <row r="91" spans="1:15" s="1" customFormat="1" ht="15.95" customHeight="1" x14ac:dyDescent="0.25">
      <c r="A91" s="19" t="s">
        <v>282</v>
      </c>
      <c r="B91" s="75" t="s">
        <v>88</v>
      </c>
      <c r="C91" s="33" t="s">
        <v>98</v>
      </c>
      <c r="D91" s="9">
        <v>0</v>
      </c>
      <c r="E91" s="6">
        <v>32251</v>
      </c>
      <c r="F91" s="70" t="s">
        <v>6</v>
      </c>
      <c r="G91" s="70"/>
      <c r="H91" s="70"/>
      <c r="I91" s="70"/>
      <c r="J91" s="70"/>
      <c r="K91" s="70"/>
      <c r="L91" s="74"/>
      <c r="O91" s="3"/>
    </row>
    <row r="92" spans="1:15" s="1" customFormat="1" ht="15.95" customHeight="1" x14ac:dyDescent="0.25">
      <c r="A92" s="19" t="s">
        <v>341</v>
      </c>
      <c r="B92" s="75" t="s">
        <v>342</v>
      </c>
      <c r="C92" s="33" t="s">
        <v>343</v>
      </c>
      <c r="D92" s="9">
        <v>0</v>
      </c>
      <c r="E92" s="6">
        <v>32251</v>
      </c>
      <c r="F92" s="103" t="s">
        <v>6</v>
      </c>
      <c r="G92" s="103"/>
      <c r="H92" s="103"/>
      <c r="I92" s="103"/>
      <c r="J92" s="103"/>
      <c r="K92" s="103"/>
      <c r="L92" s="82" t="s">
        <v>269</v>
      </c>
      <c r="O92" s="3"/>
    </row>
    <row r="93" spans="1:15" s="1" customFormat="1" ht="15.95" customHeight="1" x14ac:dyDescent="0.25">
      <c r="A93" s="19" t="s">
        <v>228</v>
      </c>
      <c r="B93" s="75" t="s">
        <v>289</v>
      </c>
      <c r="C93" s="33" t="s">
        <v>290</v>
      </c>
      <c r="D93" s="9">
        <v>0</v>
      </c>
      <c r="E93" s="6">
        <v>32251</v>
      </c>
      <c r="F93" s="70" t="s">
        <v>6</v>
      </c>
      <c r="G93" s="70"/>
      <c r="H93" s="70"/>
      <c r="I93" s="70"/>
      <c r="J93" s="70"/>
      <c r="K93" s="70"/>
      <c r="L93" s="74"/>
      <c r="O93" s="3"/>
    </row>
    <row r="94" spans="1:15" s="1" customFormat="1" ht="15.95" customHeight="1" x14ac:dyDescent="0.25">
      <c r="A94" s="19" t="s">
        <v>112</v>
      </c>
      <c r="B94" s="75" t="s">
        <v>85</v>
      </c>
      <c r="C94" s="33" t="s">
        <v>81</v>
      </c>
      <c r="D94" s="9"/>
      <c r="E94" s="6"/>
      <c r="F94" s="70"/>
      <c r="G94" s="70"/>
      <c r="H94" s="70"/>
      <c r="I94" s="70"/>
      <c r="J94" s="70"/>
      <c r="K94" s="70"/>
      <c r="L94" s="74"/>
      <c r="O94" s="3"/>
    </row>
    <row r="95" spans="1:15" s="1" customFormat="1" ht="15.95" customHeight="1" x14ac:dyDescent="0.25">
      <c r="A95" s="19" t="s">
        <v>300</v>
      </c>
      <c r="B95" s="75" t="s">
        <v>115</v>
      </c>
      <c r="C95" s="33" t="s">
        <v>81</v>
      </c>
      <c r="D95" s="9">
        <v>0</v>
      </c>
      <c r="E95" s="6">
        <v>32251</v>
      </c>
      <c r="F95" s="70" t="s">
        <v>6</v>
      </c>
      <c r="G95" s="70"/>
      <c r="H95" s="70"/>
      <c r="I95" s="70"/>
      <c r="J95" s="70"/>
      <c r="K95" s="70"/>
      <c r="L95" s="74"/>
      <c r="O95" s="3"/>
    </row>
    <row r="96" spans="1:15" s="1" customFormat="1" ht="15.95" customHeight="1" x14ac:dyDescent="0.25">
      <c r="A96" s="19" t="s">
        <v>320</v>
      </c>
      <c r="B96" s="75" t="s">
        <v>321</v>
      </c>
      <c r="C96" s="33" t="s">
        <v>101</v>
      </c>
      <c r="D96" s="9">
        <v>130.9</v>
      </c>
      <c r="E96" s="6">
        <v>32251</v>
      </c>
      <c r="F96" s="93" t="s">
        <v>6</v>
      </c>
      <c r="G96" s="93"/>
      <c r="H96" s="93"/>
      <c r="I96" s="93"/>
      <c r="J96" s="93"/>
      <c r="K96" s="93"/>
      <c r="L96" s="94"/>
      <c r="O96" s="3"/>
    </row>
    <row r="97" spans="1:15" s="1" customFormat="1" ht="15.95" customHeight="1" x14ac:dyDescent="0.25">
      <c r="A97" s="19" t="s">
        <v>297</v>
      </c>
      <c r="B97" s="75" t="s">
        <v>298</v>
      </c>
      <c r="C97" s="33" t="s">
        <v>299</v>
      </c>
      <c r="D97" s="9">
        <v>0</v>
      </c>
      <c r="E97" s="6">
        <v>32251</v>
      </c>
      <c r="F97" s="70" t="s">
        <v>6</v>
      </c>
      <c r="G97" s="70"/>
      <c r="H97" s="70"/>
      <c r="I97" s="70"/>
      <c r="J97" s="70"/>
      <c r="K97" s="70"/>
      <c r="L97" s="74"/>
      <c r="O97" s="3"/>
    </row>
    <row r="98" spans="1:15" s="1" customFormat="1" ht="15.95" customHeight="1" x14ac:dyDescent="0.25">
      <c r="A98" s="19" t="s">
        <v>301</v>
      </c>
      <c r="B98" s="75" t="s">
        <v>302</v>
      </c>
      <c r="C98" s="33" t="s">
        <v>104</v>
      </c>
      <c r="D98" s="9">
        <v>0</v>
      </c>
      <c r="E98" s="6">
        <v>32251</v>
      </c>
      <c r="F98" s="78" t="s">
        <v>303</v>
      </c>
      <c r="G98" s="78"/>
      <c r="H98" s="78"/>
      <c r="I98" s="78"/>
      <c r="J98" s="78"/>
      <c r="K98" s="78"/>
      <c r="L98" s="80"/>
      <c r="O98" s="3"/>
    </row>
    <row r="99" spans="1:15" s="1" customFormat="1" ht="15.95" customHeight="1" x14ac:dyDescent="0.25">
      <c r="A99" s="19" t="s">
        <v>91</v>
      </c>
      <c r="B99" s="29" t="s">
        <v>92</v>
      </c>
      <c r="C99" s="11" t="s">
        <v>178</v>
      </c>
      <c r="D99" s="9">
        <v>0</v>
      </c>
      <c r="E99" s="6">
        <v>32251</v>
      </c>
      <c r="F99" s="113" t="s">
        <v>6</v>
      </c>
      <c r="G99" s="113"/>
      <c r="H99" s="113"/>
      <c r="I99" s="113"/>
      <c r="J99" s="113"/>
      <c r="K99" s="113"/>
      <c r="L99" s="114"/>
      <c r="O99" s="3"/>
    </row>
    <row r="100" spans="1:15" s="1" customFormat="1" ht="15.95" customHeight="1" x14ac:dyDescent="0.25">
      <c r="A100" s="19" t="s">
        <v>236</v>
      </c>
      <c r="B100" s="29" t="s">
        <v>237</v>
      </c>
      <c r="C100" s="11" t="s">
        <v>104</v>
      </c>
      <c r="D100" s="9">
        <v>0</v>
      </c>
      <c r="E100" s="6">
        <v>32251</v>
      </c>
      <c r="F100" s="64" t="s">
        <v>6</v>
      </c>
      <c r="G100" s="64"/>
      <c r="H100" s="64"/>
      <c r="I100" s="64"/>
      <c r="J100" s="64"/>
      <c r="K100" s="64"/>
      <c r="L100" s="66"/>
      <c r="O100" s="3"/>
    </row>
    <row r="101" spans="1:15" s="1" customFormat="1" ht="15.95" customHeight="1" x14ac:dyDescent="0.25">
      <c r="A101" s="19" t="s">
        <v>150</v>
      </c>
      <c r="B101" s="29">
        <v>62595301902</v>
      </c>
      <c r="C101" s="11" t="s">
        <v>149</v>
      </c>
      <c r="D101" s="9">
        <v>0</v>
      </c>
      <c r="E101" s="6">
        <v>32252</v>
      </c>
      <c r="F101" s="49" t="s">
        <v>148</v>
      </c>
      <c r="G101" s="49"/>
      <c r="H101" s="49"/>
      <c r="I101" s="49"/>
      <c r="J101" s="49"/>
      <c r="K101" s="49"/>
      <c r="L101" s="51"/>
      <c r="O101" s="3"/>
    </row>
    <row r="102" spans="1:15" s="1" customFormat="1" ht="15.95" customHeight="1" x14ac:dyDescent="0.25">
      <c r="A102" s="19" t="s">
        <v>244</v>
      </c>
      <c r="B102" s="11"/>
      <c r="C102" s="11" t="s">
        <v>245</v>
      </c>
      <c r="D102" s="9">
        <v>340.36</v>
      </c>
      <c r="E102" s="6">
        <v>32271</v>
      </c>
      <c r="F102" s="113" t="s">
        <v>45</v>
      </c>
      <c r="G102" s="113"/>
      <c r="H102" s="113"/>
      <c r="I102" s="113"/>
      <c r="J102" s="113"/>
      <c r="K102" s="113"/>
      <c r="L102" s="114"/>
      <c r="O102" s="3"/>
    </row>
    <row r="103" spans="1:15" s="1" customFormat="1" ht="15.95" customHeight="1" x14ac:dyDescent="0.25">
      <c r="A103" s="19" t="s">
        <v>331</v>
      </c>
      <c r="B103" s="29">
        <v>87301734795</v>
      </c>
      <c r="C103" s="11" t="s">
        <v>93</v>
      </c>
      <c r="D103" s="9">
        <v>0</v>
      </c>
      <c r="E103" s="6">
        <v>32271</v>
      </c>
      <c r="F103" s="64" t="s">
        <v>45</v>
      </c>
      <c r="G103" s="64"/>
      <c r="H103" s="64"/>
      <c r="I103" s="64"/>
      <c r="J103" s="64"/>
      <c r="K103" s="64"/>
      <c r="L103" s="66"/>
      <c r="O103" s="3"/>
    </row>
    <row r="104" spans="1:15" s="1" customFormat="1" ht="15.95" customHeight="1" x14ac:dyDescent="0.25">
      <c r="A104" s="19" t="s">
        <v>335</v>
      </c>
      <c r="B104" s="29" t="s">
        <v>336</v>
      </c>
      <c r="C104" s="11" t="s">
        <v>104</v>
      </c>
      <c r="D104" s="9">
        <v>0</v>
      </c>
      <c r="E104" s="6">
        <v>32271</v>
      </c>
      <c r="F104" s="103" t="s">
        <v>45</v>
      </c>
      <c r="G104" s="103"/>
      <c r="H104" s="103"/>
      <c r="I104" s="103"/>
      <c r="J104" s="103"/>
      <c r="K104" s="103"/>
      <c r="L104" s="104"/>
      <c r="O104" s="3"/>
    </row>
    <row r="105" spans="1:15" s="1" customFormat="1" ht="15.95" customHeight="1" x14ac:dyDescent="0.25">
      <c r="A105" s="19" t="s">
        <v>196</v>
      </c>
      <c r="B105" s="29">
        <v>30098672140</v>
      </c>
      <c r="C105" s="11" t="s">
        <v>98</v>
      </c>
      <c r="D105" s="9">
        <v>0</v>
      </c>
      <c r="E105" s="6">
        <v>32271</v>
      </c>
      <c r="F105" s="95" t="s">
        <v>45</v>
      </c>
      <c r="G105" s="95"/>
      <c r="H105" s="95"/>
      <c r="I105" s="95"/>
      <c r="J105" s="95"/>
      <c r="K105" s="95"/>
      <c r="L105" s="96"/>
      <c r="O105" s="3"/>
    </row>
    <row r="106" spans="1:15" s="1" customFormat="1" ht="15.95" customHeight="1" x14ac:dyDescent="0.25">
      <c r="A106" s="19" t="s">
        <v>90</v>
      </c>
      <c r="B106" s="14" t="s">
        <v>88</v>
      </c>
      <c r="C106" s="15" t="s">
        <v>89</v>
      </c>
      <c r="D106" s="9">
        <v>393.04</v>
      </c>
      <c r="E106" s="6">
        <v>32311</v>
      </c>
      <c r="F106" s="113" t="s">
        <v>7</v>
      </c>
      <c r="G106" s="113"/>
      <c r="H106" s="113"/>
      <c r="I106" s="113"/>
      <c r="J106" s="113"/>
      <c r="K106" s="113"/>
      <c r="L106" s="114"/>
    </row>
    <row r="107" spans="1:15" s="1" customFormat="1" ht="15.95" customHeight="1" x14ac:dyDescent="0.25">
      <c r="A107" s="20" t="s">
        <v>83</v>
      </c>
      <c r="B107" s="14" t="s">
        <v>80</v>
      </c>
      <c r="C107" s="15" t="s">
        <v>81</v>
      </c>
      <c r="D107" s="9">
        <v>14.79</v>
      </c>
      <c r="E107" s="6">
        <v>32313</v>
      </c>
      <c r="F107" s="113" t="s">
        <v>8</v>
      </c>
      <c r="G107" s="113"/>
      <c r="H107" s="113"/>
      <c r="I107" s="113"/>
      <c r="J107" s="113"/>
      <c r="K107" s="113"/>
      <c r="L107" s="114"/>
    </row>
    <row r="108" spans="1:15" s="1" customFormat="1" ht="15.95" customHeight="1" x14ac:dyDescent="0.25">
      <c r="A108" s="19" t="s">
        <v>211</v>
      </c>
      <c r="B108" s="29">
        <v>99617488144</v>
      </c>
      <c r="C108" s="11" t="s">
        <v>81</v>
      </c>
      <c r="D108" s="9">
        <v>0</v>
      </c>
      <c r="E108" s="6">
        <v>32319</v>
      </c>
      <c r="F108" s="113" t="s">
        <v>37</v>
      </c>
      <c r="G108" s="113"/>
      <c r="H108" s="113"/>
      <c r="I108" s="113"/>
      <c r="J108" s="113"/>
      <c r="K108" s="113"/>
      <c r="L108" s="114"/>
      <c r="N108" s="3"/>
    </row>
    <row r="109" spans="1:15" s="1" customFormat="1" ht="15.95" customHeight="1" x14ac:dyDescent="0.25">
      <c r="A109" s="19" t="s">
        <v>327</v>
      </c>
      <c r="B109" s="29" t="s">
        <v>328</v>
      </c>
      <c r="C109" s="11" t="s">
        <v>101</v>
      </c>
      <c r="D109" s="9">
        <v>0</v>
      </c>
      <c r="E109" s="6">
        <v>32322</v>
      </c>
      <c r="F109" s="64" t="s">
        <v>27</v>
      </c>
      <c r="G109" s="64"/>
      <c r="H109" s="64"/>
      <c r="I109" s="64"/>
      <c r="J109" s="64"/>
      <c r="K109" s="64"/>
      <c r="L109" s="66"/>
      <c r="N109" s="3"/>
    </row>
    <row r="110" spans="1:15" s="1" customFormat="1" ht="15.95" customHeight="1" x14ac:dyDescent="0.25">
      <c r="A110" s="19" t="s">
        <v>254</v>
      </c>
      <c r="B110" s="29" t="s">
        <v>253</v>
      </c>
      <c r="C110" s="11" t="s">
        <v>81</v>
      </c>
      <c r="D110" s="9">
        <v>0</v>
      </c>
      <c r="E110" s="6">
        <v>32323</v>
      </c>
      <c r="F110" s="64" t="s">
        <v>252</v>
      </c>
      <c r="G110" s="64"/>
      <c r="H110" s="64"/>
      <c r="I110" s="64"/>
      <c r="J110" s="64"/>
      <c r="K110" s="64"/>
      <c r="L110" s="66"/>
      <c r="N110" s="3"/>
    </row>
    <row r="111" spans="1:15" s="1" customFormat="1" ht="15.95" customHeight="1" x14ac:dyDescent="0.25">
      <c r="A111" s="19" t="s">
        <v>325</v>
      </c>
      <c r="B111" s="29" t="s">
        <v>326</v>
      </c>
      <c r="C111" s="11" t="s">
        <v>81</v>
      </c>
      <c r="D111" s="9">
        <v>0</v>
      </c>
      <c r="E111" s="6">
        <v>32323</v>
      </c>
      <c r="F111" s="95" t="s">
        <v>252</v>
      </c>
      <c r="G111" s="95"/>
      <c r="H111" s="95"/>
      <c r="I111" s="95"/>
      <c r="J111" s="95"/>
      <c r="K111" s="95"/>
      <c r="L111" s="96"/>
      <c r="N111" s="3"/>
    </row>
    <row r="112" spans="1:15" s="1" customFormat="1" ht="15.95" customHeight="1" x14ac:dyDescent="0.25">
      <c r="A112" s="19" t="s">
        <v>170</v>
      </c>
      <c r="B112" s="29">
        <v>47279659310</v>
      </c>
      <c r="C112" s="11" t="s">
        <v>81</v>
      </c>
      <c r="D112" s="9">
        <v>0</v>
      </c>
      <c r="E112" s="6">
        <v>32329</v>
      </c>
      <c r="F112" s="49" t="s">
        <v>171</v>
      </c>
      <c r="G112" s="49"/>
      <c r="H112" s="49"/>
      <c r="I112" s="49"/>
      <c r="J112" s="49"/>
      <c r="K112" s="49"/>
      <c r="L112" s="51"/>
      <c r="N112" s="3"/>
    </row>
    <row r="113" spans="1:16" s="1" customFormat="1" ht="15.95" customHeight="1" x14ac:dyDescent="0.25">
      <c r="A113" s="19" t="s">
        <v>322</v>
      </c>
      <c r="B113" s="29" t="s">
        <v>323</v>
      </c>
      <c r="C113" s="11" t="s">
        <v>101</v>
      </c>
      <c r="D113" s="9">
        <v>0</v>
      </c>
      <c r="E113" s="6">
        <v>32329</v>
      </c>
      <c r="F113" s="93" t="s">
        <v>324</v>
      </c>
      <c r="G113" s="93"/>
      <c r="H113" s="93"/>
      <c r="I113" s="93"/>
      <c r="J113" s="93"/>
      <c r="K113" s="93"/>
      <c r="L113" s="94"/>
      <c r="N113" s="3"/>
    </row>
    <row r="114" spans="1:16" s="1" customFormat="1" ht="15.95" customHeight="1" x14ac:dyDescent="0.25">
      <c r="A114" s="19" t="s">
        <v>226</v>
      </c>
      <c r="B114" s="29" t="s">
        <v>227</v>
      </c>
      <c r="C114" s="11" t="s">
        <v>149</v>
      </c>
      <c r="D114" s="9">
        <v>0</v>
      </c>
      <c r="E114" s="6">
        <v>32329</v>
      </c>
      <c r="F114" s="64" t="s">
        <v>171</v>
      </c>
      <c r="G114" s="64"/>
      <c r="H114" s="64"/>
      <c r="I114" s="64"/>
      <c r="J114" s="64"/>
      <c r="K114" s="64"/>
      <c r="L114" s="66"/>
      <c r="N114" s="3"/>
    </row>
    <row r="115" spans="1:16" s="1" customFormat="1" ht="15.95" customHeight="1" x14ac:dyDescent="0.25">
      <c r="A115" s="19" t="s">
        <v>169</v>
      </c>
      <c r="B115" s="29">
        <v>66485761923</v>
      </c>
      <c r="C115" s="11" t="s">
        <v>81</v>
      </c>
      <c r="D115" s="9">
        <v>0</v>
      </c>
      <c r="E115" s="6">
        <v>32391</v>
      </c>
      <c r="F115" s="113" t="s">
        <v>15</v>
      </c>
      <c r="G115" s="113"/>
      <c r="H115" s="113"/>
      <c r="I115" s="113"/>
      <c r="J115" s="113"/>
      <c r="K115" s="113"/>
      <c r="L115" s="114"/>
      <c r="N115" s="3"/>
    </row>
    <row r="116" spans="1:16" s="1" customFormat="1" ht="15.95" customHeight="1" x14ac:dyDescent="0.25">
      <c r="A116" s="19" t="s">
        <v>337</v>
      </c>
      <c r="B116" s="29" t="s">
        <v>338</v>
      </c>
      <c r="C116" s="11" t="s">
        <v>104</v>
      </c>
      <c r="D116" s="9">
        <v>0</v>
      </c>
      <c r="E116" s="6">
        <v>32341</v>
      </c>
      <c r="F116" s="103" t="s">
        <v>9</v>
      </c>
      <c r="G116" s="103"/>
      <c r="H116" s="103"/>
      <c r="I116" s="103"/>
      <c r="J116" s="103"/>
      <c r="K116" s="103"/>
      <c r="L116" s="104"/>
      <c r="N116" s="3"/>
    </row>
    <row r="117" spans="1:16" s="1" customFormat="1" ht="15.95" customHeight="1" x14ac:dyDescent="0.25">
      <c r="A117" s="19" t="s">
        <v>72</v>
      </c>
      <c r="B117" s="14" t="s">
        <v>78</v>
      </c>
      <c r="C117" s="11" t="s">
        <v>79</v>
      </c>
      <c r="D117" s="9">
        <v>108.99</v>
      </c>
      <c r="E117" s="6">
        <v>32341</v>
      </c>
      <c r="F117" s="113" t="s">
        <v>9</v>
      </c>
      <c r="G117" s="113"/>
      <c r="H117" s="113"/>
      <c r="I117" s="113"/>
      <c r="J117" s="113"/>
      <c r="K117" s="113"/>
      <c r="L117" s="114"/>
    </row>
    <row r="118" spans="1:16" s="1" customFormat="1" ht="15.95" customHeight="1" x14ac:dyDescent="0.25">
      <c r="A118" s="20" t="s">
        <v>86</v>
      </c>
      <c r="B118" s="14" t="s">
        <v>87</v>
      </c>
      <c r="C118" s="15" t="s">
        <v>81</v>
      </c>
      <c r="D118" s="9">
        <v>85.14</v>
      </c>
      <c r="E118" s="6">
        <v>32342</v>
      </c>
      <c r="F118" s="113" t="s">
        <v>10</v>
      </c>
      <c r="G118" s="113"/>
      <c r="H118" s="113"/>
      <c r="I118" s="113"/>
      <c r="J118" s="113"/>
      <c r="K118" s="113"/>
      <c r="L118" s="114"/>
    </row>
    <row r="119" spans="1:16" s="1" customFormat="1" ht="15.95" customHeight="1" x14ac:dyDescent="0.25">
      <c r="A119" s="19"/>
      <c r="B119" s="11"/>
      <c r="C119" s="11"/>
      <c r="D119" s="9">
        <v>0</v>
      </c>
      <c r="E119" s="6">
        <v>32343</v>
      </c>
      <c r="F119" s="113" t="s">
        <v>32</v>
      </c>
      <c r="G119" s="113"/>
      <c r="H119" s="113"/>
      <c r="I119" s="113"/>
      <c r="J119" s="113"/>
      <c r="K119" s="113"/>
      <c r="L119" s="114"/>
    </row>
    <row r="120" spans="1:16" s="1" customFormat="1" ht="15.95" customHeight="1" x14ac:dyDescent="0.25">
      <c r="A120" s="19"/>
      <c r="B120" s="11"/>
      <c r="C120" s="11"/>
      <c r="D120" s="9"/>
      <c r="E120" s="6"/>
      <c r="F120" s="49"/>
      <c r="G120" s="49"/>
      <c r="H120" s="49"/>
      <c r="I120" s="49"/>
      <c r="J120" s="49"/>
      <c r="K120" s="49"/>
      <c r="L120" s="51"/>
    </row>
    <row r="121" spans="1:16" s="1" customFormat="1" ht="15.95" customHeight="1" x14ac:dyDescent="0.25">
      <c r="A121" s="19" t="s">
        <v>180</v>
      </c>
      <c r="B121" s="29">
        <v>55232200485</v>
      </c>
      <c r="C121" s="11" t="s">
        <v>101</v>
      </c>
      <c r="D121" s="9">
        <v>59.68</v>
      </c>
      <c r="E121" s="6">
        <v>32344</v>
      </c>
      <c r="F121" s="49" t="s">
        <v>11</v>
      </c>
      <c r="G121" s="49"/>
      <c r="H121" s="49"/>
      <c r="I121" s="49"/>
      <c r="J121" s="49"/>
      <c r="K121" s="49"/>
      <c r="L121" s="51"/>
    </row>
    <row r="122" spans="1:16" ht="15.95" customHeight="1" x14ac:dyDescent="0.25">
      <c r="A122" s="19" t="s">
        <v>179</v>
      </c>
      <c r="B122" s="33">
        <v>91347134540</v>
      </c>
      <c r="C122" s="11" t="s">
        <v>81</v>
      </c>
      <c r="D122" s="9">
        <v>0</v>
      </c>
      <c r="E122" s="6">
        <v>32344</v>
      </c>
      <c r="F122" s="113" t="s">
        <v>11</v>
      </c>
      <c r="G122" s="113"/>
      <c r="H122" s="113"/>
      <c r="I122" s="113"/>
      <c r="J122" s="113"/>
      <c r="K122" s="113"/>
      <c r="L122" s="114"/>
    </row>
    <row r="123" spans="1:16" ht="15.95" customHeight="1" x14ac:dyDescent="0.25">
      <c r="A123" s="19"/>
      <c r="B123" s="11"/>
      <c r="C123" s="11"/>
      <c r="D123" s="9">
        <v>0</v>
      </c>
      <c r="E123" s="6">
        <v>32355</v>
      </c>
      <c r="F123" s="113" t="s">
        <v>46</v>
      </c>
      <c r="G123" s="113"/>
      <c r="H123" s="113"/>
      <c r="I123" s="113"/>
      <c r="J123" s="113"/>
      <c r="K123" s="113"/>
      <c r="L123" s="114"/>
    </row>
    <row r="124" spans="1:16" ht="15.95" customHeight="1" x14ac:dyDescent="0.25">
      <c r="A124" s="19" t="s">
        <v>73</v>
      </c>
      <c r="B124" s="34">
        <v>92026134753</v>
      </c>
      <c r="C124" s="15" t="s">
        <v>81</v>
      </c>
      <c r="D124" s="9">
        <v>87.6</v>
      </c>
      <c r="E124" s="6">
        <v>32361</v>
      </c>
      <c r="F124" s="113" t="s">
        <v>12</v>
      </c>
      <c r="G124" s="113"/>
      <c r="H124" s="113"/>
      <c r="I124" s="113"/>
      <c r="J124" s="113"/>
      <c r="K124" s="113"/>
      <c r="L124" s="114"/>
    </row>
    <row r="125" spans="1:16" ht="15.95" customHeight="1" x14ac:dyDescent="0.25">
      <c r="A125" s="19" t="s">
        <v>225</v>
      </c>
      <c r="B125" s="34">
        <v>18742666873</v>
      </c>
      <c r="C125" s="15" t="s">
        <v>98</v>
      </c>
      <c r="D125" s="9">
        <v>0</v>
      </c>
      <c r="E125" s="6">
        <v>32361</v>
      </c>
      <c r="F125" s="64" t="s">
        <v>12</v>
      </c>
      <c r="G125" s="64"/>
      <c r="H125" s="64"/>
      <c r="I125" s="64"/>
      <c r="J125" s="64"/>
      <c r="K125" s="64"/>
      <c r="L125" s="66"/>
    </row>
    <row r="126" spans="1:16" ht="15.95" customHeight="1" x14ac:dyDescent="0.25">
      <c r="A126" s="19" t="s">
        <v>192</v>
      </c>
      <c r="B126" s="34">
        <v>24521029367</v>
      </c>
      <c r="C126" s="15" t="s">
        <v>81</v>
      </c>
      <c r="D126" s="9">
        <v>0</v>
      </c>
      <c r="E126" s="6">
        <v>32362</v>
      </c>
      <c r="F126" s="49" t="s">
        <v>55</v>
      </c>
      <c r="G126" s="49"/>
      <c r="H126" s="49"/>
      <c r="I126" s="49"/>
      <c r="J126" s="49"/>
      <c r="K126" s="49"/>
      <c r="L126" s="51"/>
    </row>
    <row r="127" spans="1:16" ht="15.95" customHeight="1" x14ac:dyDescent="0.25">
      <c r="A127" s="19" t="s">
        <v>143</v>
      </c>
      <c r="B127" s="29">
        <v>29059177553</v>
      </c>
      <c r="C127" s="11" t="s">
        <v>98</v>
      </c>
      <c r="D127" s="9">
        <v>0</v>
      </c>
      <c r="E127" s="6">
        <v>32362</v>
      </c>
      <c r="F127" s="113" t="s">
        <v>55</v>
      </c>
      <c r="G127" s="113"/>
      <c r="H127" s="113"/>
      <c r="I127" s="113"/>
      <c r="J127" s="113"/>
      <c r="K127" s="113"/>
      <c r="L127" s="114"/>
      <c r="N127" s="3"/>
      <c r="O127" s="3"/>
      <c r="P127" s="3"/>
    </row>
    <row r="128" spans="1:16" ht="15.95" customHeight="1" x14ac:dyDescent="0.25">
      <c r="A128" s="19" t="s">
        <v>77</v>
      </c>
      <c r="B128" s="29">
        <v>24109146045</v>
      </c>
      <c r="C128" s="11" t="s">
        <v>104</v>
      </c>
      <c r="D128" s="9">
        <v>0</v>
      </c>
      <c r="E128" s="6">
        <v>32373</v>
      </c>
      <c r="F128" s="49" t="s">
        <v>142</v>
      </c>
      <c r="G128" s="49"/>
      <c r="H128" s="49"/>
      <c r="I128" s="49"/>
      <c r="J128" s="49"/>
      <c r="K128" s="49"/>
      <c r="L128" s="51"/>
      <c r="N128" s="3"/>
      <c r="O128" s="3"/>
      <c r="P128" s="3"/>
    </row>
    <row r="129" spans="1:12" ht="15.95" customHeight="1" x14ac:dyDescent="0.25">
      <c r="A129" s="19" t="s">
        <v>207</v>
      </c>
      <c r="B129" s="29">
        <v>42538339125</v>
      </c>
      <c r="C129" s="11" t="s">
        <v>81</v>
      </c>
      <c r="D129" s="9">
        <v>0</v>
      </c>
      <c r="E129" s="6">
        <v>32372</v>
      </c>
      <c r="F129" s="113" t="s">
        <v>13</v>
      </c>
      <c r="G129" s="113"/>
      <c r="H129" s="113"/>
      <c r="I129" s="113"/>
      <c r="J129" s="113"/>
      <c r="K129" s="113"/>
      <c r="L129" s="114"/>
    </row>
    <row r="130" spans="1:12" ht="15.95" customHeight="1" x14ac:dyDescent="0.25">
      <c r="A130" s="19"/>
      <c r="B130" s="11"/>
      <c r="C130" s="11"/>
      <c r="D130" s="9">
        <v>0</v>
      </c>
      <c r="E130" s="6">
        <v>32375</v>
      </c>
      <c r="F130" s="113" t="s">
        <v>51</v>
      </c>
      <c r="G130" s="113"/>
      <c r="H130" s="113"/>
      <c r="I130" s="113"/>
      <c r="J130" s="113"/>
      <c r="K130" s="113"/>
      <c r="L130" s="114"/>
    </row>
    <row r="131" spans="1:12" ht="15.95" customHeight="1" x14ac:dyDescent="0.25">
      <c r="A131" s="19" t="s">
        <v>268</v>
      </c>
      <c r="B131" s="29">
        <v>5619910950</v>
      </c>
      <c r="C131" s="11" t="s">
        <v>104</v>
      </c>
      <c r="D131" s="9">
        <v>0</v>
      </c>
      <c r="E131" s="6">
        <v>32379</v>
      </c>
      <c r="F131" s="70" t="s">
        <v>50</v>
      </c>
      <c r="G131" s="70"/>
      <c r="H131" s="70"/>
      <c r="I131" s="70"/>
      <c r="J131" s="70"/>
      <c r="K131" s="70"/>
      <c r="L131" s="82" t="s">
        <v>267</v>
      </c>
    </row>
    <row r="132" spans="1:12" ht="15.95" customHeight="1" x14ac:dyDescent="0.25">
      <c r="A132" s="19" t="s">
        <v>208</v>
      </c>
      <c r="B132" s="29">
        <v>20126480566</v>
      </c>
      <c r="C132" s="11" t="s">
        <v>81</v>
      </c>
      <c r="D132" s="9">
        <v>0</v>
      </c>
      <c r="E132" s="6">
        <v>32379</v>
      </c>
      <c r="F132" s="49" t="s">
        <v>50</v>
      </c>
      <c r="G132" s="49"/>
      <c r="H132" s="49"/>
      <c r="I132" s="49"/>
      <c r="J132" s="49"/>
      <c r="K132" s="49"/>
      <c r="L132" s="51"/>
    </row>
    <row r="133" spans="1:12" ht="15.95" customHeight="1" x14ac:dyDescent="0.25">
      <c r="A133" s="19" t="s">
        <v>304</v>
      </c>
      <c r="B133" s="29">
        <v>63403354591</v>
      </c>
      <c r="C133" s="11" t="s">
        <v>98</v>
      </c>
      <c r="D133" s="9">
        <v>0</v>
      </c>
      <c r="E133" s="6">
        <v>32379</v>
      </c>
      <c r="F133" s="78" t="s">
        <v>50</v>
      </c>
      <c r="G133" s="78"/>
      <c r="H133" s="78"/>
      <c r="I133" s="78"/>
      <c r="J133" s="78"/>
      <c r="K133" s="78"/>
      <c r="L133" s="82" t="s">
        <v>267</v>
      </c>
    </row>
    <row r="134" spans="1:12" ht="15.95" customHeight="1" x14ac:dyDescent="0.25">
      <c r="A134" s="5" t="s">
        <v>123</v>
      </c>
      <c r="B134" s="33">
        <v>50104747329</v>
      </c>
      <c r="C134" s="15" t="s">
        <v>81</v>
      </c>
      <c r="D134" s="9">
        <v>0</v>
      </c>
      <c r="E134" s="6">
        <v>32379</v>
      </c>
      <c r="F134" s="113" t="s">
        <v>50</v>
      </c>
      <c r="G134" s="113"/>
      <c r="H134" s="113"/>
      <c r="I134" s="113"/>
      <c r="J134" s="113"/>
      <c r="K134" s="113"/>
      <c r="L134" s="114"/>
    </row>
    <row r="135" spans="1:12" ht="15.95" customHeight="1" x14ac:dyDescent="0.25">
      <c r="A135" s="19" t="s">
        <v>69</v>
      </c>
      <c r="B135" s="14" t="s">
        <v>108</v>
      </c>
      <c r="C135" s="15" t="s">
        <v>81</v>
      </c>
      <c r="D135" s="9">
        <v>55</v>
      </c>
      <c r="E135" s="6">
        <v>32389</v>
      </c>
      <c r="F135" s="113" t="s">
        <v>14</v>
      </c>
      <c r="G135" s="113"/>
      <c r="H135" s="113"/>
      <c r="I135" s="113"/>
      <c r="J135" s="113"/>
      <c r="K135" s="113"/>
      <c r="L135" s="114"/>
    </row>
    <row r="136" spans="1:12" ht="15.95" customHeight="1" x14ac:dyDescent="0.25">
      <c r="A136" s="20" t="s">
        <v>105</v>
      </c>
      <c r="B136" s="14" t="s">
        <v>106</v>
      </c>
      <c r="C136" s="15" t="s">
        <v>107</v>
      </c>
      <c r="D136" s="9">
        <v>50</v>
      </c>
      <c r="E136" s="6">
        <v>32389</v>
      </c>
      <c r="F136" s="113" t="s">
        <v>14</v>
      </c>
      <c r="G136" s="113"/>
      <c r="H136" s="113"/>
      <c r="I136" s="113"/>
      <c r="J136" s="113"/>
      <c r="K136" s="113"/>
      <c r="L136" s="114"/>
    </row>
    <row r="137" spans="1:12" ht="15.95" customHeight="1" x14ac:dyDescent="0.25">
      <c r="A137" s="20" t="s">
        <v>84</v>
      </c>
      <c r="B137" s="14" t="s">
        <v>82</v>
      </c>
      <c r="C137" s="6" t="s">
        <v>111</v>
      </c>
      <c r="D137" s="9">
        <v>74.66</v>
      </c>
      <c r="E137" s="6">
        <v>32389</v>
      </c>
      <c r="F137" s="113" t="s">
        <v>14</v>
      </c>
      <c r="G137" s="113"/>
      <c r="H137" s="113"/>
      <c r="I137" s="113"/>
      <c r="J137" s="113"/>
      <c r="K137" s="113"/>
      <c r="L137" s="114"/>
    </row>
    <row r="138" spans="1:12" ht="15.95" customHeight="1" x14ac:dyDescent="0.25">
      <c r="A138" s="19" t="s">
        <v>132</v>
      </c>
      <c r="B138" s="29">
        <v>71981294715</v>
      </c>
      <c r="C138" s="11" t="s">
        <v>131</v>
      </c>
      <c r="D138" s="9">
        <v>101.25</v>
      </c>
      <c r="E138" s="6">
        <v>32389</v>
      </c>
      <c r="F138" s="113" t="s">
        <v>14</v>
      </c>
      <c r="G138" s="113"/>
      <c r="H138" s="113"/>
      <c r="I138" s="113"/>
      <c r="J138" s="113"/>
      <c r="K138" s="113"/>
      <c r="L138" s="114"/>
    </row>
    <row r="139" spans="1:12" s="1" customFormat="1" ht="15.95" customHeight="1" x14ac:dyDescent="0.25">
      <c r="A139" s="19" t="s">
        <v>133</v>
      </c>
      <c r="B139" s="29">
        <v>80947211460</v>
      </c>
      <c r="C139" s="11" t="s">
        <v>120</v>
      </c>
      <c r="D139" s="9">
        <v>31.25</v>
      </c>
      <c r="E139" s="6">
        <v>32389</v>
      </c>
      <c r="F139" s="113" t="s">
        <v>14</v>
      </c>
      <c r="G139" s="113"/>
      <c r="H139" s="113"/>
      <c r="I139" s="113"/>
      <c r="J139" s="113"/>
      <c r="K139" s="113"/>
      <c r="L139" s="114"/>
    </row>
    <row r="140" spans="1:12" ht="15.95" customHeight="1" x14ac:dyDescent="0.25">
      <c r="A140" s="21"/>
      <c r="B140" s="6"/>
      <c r="C140" s="6"/>
      <c r="D140" s="9">
        <v>0</v>
      </c>
      <c r="E140" s="6">
        <v>32393</v>
      </c>
      <c r="F140" s="113" t="s">
        <v>16</v>
      </c>
      <c r="G140" s="113"/>
      <c r="H140" s="113"/>
      <c r="I140" s="113"/>
      <c r="J140" s="113"/>
      <c r="K140" s="113"/>
      <c r="L140" s="114"/>
    </row>
    <row r="141" spans="1:12" ht="15.95" customHeight="1" x14ac:dyDescent="0.25">
      <c r="A141" s="21" t="s">
        <v>247</v>
      </c>
      <c r="B141" s="6">
        <v>73294314024</v>
      </c>
      <c r="C141" s="6" t="s">
        <v>98</v>
      </c>
      <c r="D141" s="9">
        <v>0</v>
      </c>
      <c r="E141" s="6">
        <v>32394</v>
      </c>
      <c r="F141" s="64" t="s">
        <v>249</v>
      </c>
      <c r="G141" s="64" t="s">
        <v>248</v>
      </c>
      <c r="H141" s="64"/>
      <c r="I141" s="64"/>
      <c r="J141" s="64"/>
      <c r="K141" s="64"/>
      <c r="L141" s="66"/>
    </row>
    <row r="142" spans="1:12" ht="15.95" customHeight="1" x14ac:dyDescent="0.25">
      <c r="A142" s="21" t="s">
        <v>261</v>
      </c>
      <c r="B142" s="6">
        <v>97607592</v>
      </c>
      <c r="C142" s="6" t="s">
        <v>81</v>
      </c>
      <c r="D142" s="9">
        <v>0</v>
      </c>
      <c r="E142" s="6">
        <v>32395</v>
      </c>
      <c r="F142" s="113" t="s">
        <v>17</v>
      </c>
      <c r="G142" s="113"/>
      <c r="H142" s="113"/>
      <c r="I142" s="113"/>
      <c r="J142" s="113"/>
      <c r="K142" s="113"/>
      <c r="L142" s="114"/>
    </row>
    <row r="143" spans="1:12" ht="15.95" customHeight="1" x14ac:dyDescent="0.25">
      <c r="A143" s="21" t="s">
        <v>138</v>
      </c>
      <c r="B143" s="6">
        <v>77306500476</v>
      </c>
      <c r="C143" s="6" t="s">
        <v>104</v>
      </c>
      <c r="D143" s="9">
        <v>49.78</v>
      </c>
      <c r="E143" s="6">
        <v>32396</v>
      </c>
      <c r="F143" s="49" t="s">
        <v>18</v>
      </c>
      <c r="G143" s="49"/>
      <c r="H143" s="49"/>
      <c r="I143" s="49"/>
      <c r="J143" s="49"/>
      <c r="K143" s="49"/>
      <c r="L143" s="51"/>
    </row>
    <row r="144" spans="1:12" ht="15.95" customHeight="1" x14ac:dyDescent="0.25">
      <c r="A144" s="21" t="s">
        <v>116</v>
      </c>
      <c r="B144" s="27" t="s">
        <v>115</v>
      </c>
      <c r="C144" s="15" t="s">
        <v>81</v>
      </c>
      <c r="D144" s="9">
        <v>0</v>
      </c>
      <c r="E144" s="6">
        <v>32396</v>
      </c>
      <c r="F144" s="113" t="s">
        <v>18</v>
      </c>
      <c r="G144" s="113"/>
      <c r="H144" s="113"/>
      <c r="I144" s="113"/>
      <c r="J144" s="113"/>
      <c r="K144" s="113"/>
      <c r="L144" s="114"/>
    </row>
    <row r="145" spans="1:12" ht="15.95" customHeight="1" x14ac:dyDescent="0.25">
      <c r="A145" s="21" t="s">
        <v>312</v>
      </c>
      <c r="B145" s="27">
        <v>73426170556</v>
      </c>
      <c r="C145" s="15" t="s">
        <v>104</v>
      </c>
      <c r="D145" s="9">
        <v>0</v>
      </c>
      <c r="E145" s="6">
        <v>32399</v>
      </c>
      <c r="F145" s="86" t="s">
        <v>175</v>
      </c>
      <c r="G145" s="86"/>
      <c r="H145" s="86"/>
      <c r="I145" s="86"/>
      <c r="J145" s="86"/>
      <c r="K145" s="86"/>
      <c r="L145" s="82" t="s">
        <v>267</v>
      </c>
    </row>
    <row r="146" spans="1:12" ht="15.95" customHeight="1" x14ac:dyDescent="0.25">
      <c r="A146" s="21" t="s">
        <v>176</v>
      </c>
      <c r="B146" s="27">
        <v>33183576221</v>
      </c>
      <c r="C146" s="15" t="s">
        <v>177</v>
      </c>
      <c r="D146" s="9">
        <v>0</v>
      </c>
      <c r="E146" s="6">
        <v>32399</v>
      </c>
      <c r="F146" s="49" t="s">
        <v>175</v>
      </c>
      <c r="G146" s="49"/>
      <c r="H146" s="49"/>
      <c r="I146" s="49"/>
      <c r="J146" s="49"/>
      <c r="K146" s="49"/>
      <c r="L146" s="51"/>
    </row>
    <row r="147" spans="1:12" ht="15.95" customHeight="1" x14ac:dyDescent="0.25">
      <c r="A147" s="21" t="s">
        <v>193</v>
      </c>
      <c r="B147" s="27">
        <v>13593208428</v>
      </c>
      <c r="C147" s="15" t="s">
        <v>194</v>
      </c>
      <c r="D147" s="9">
        <v>0</v>
      </c>
      <c r="E147" s="6">
        <v>32399</v>
      </c>
      <c r="F147" s="49" t="s">
        <v>175</v>
      </c>
      <c r="G147" s="49"/>
      <c r="H147" s="49"/>
      <c r="I147" s="49" t="s">
        <v>195</v>
      </c>
      <c r="J147" s="49"/>
      <c r="K147" s="49"/>
      <c r="L147" s="51"/>
    </row>
    <row r="148" spans="1:12" ht="15.95" customHeight="1" x14ac:dyDescent="0.25">
      <c r="A148" s="21" t="s">
        <v>217</v>
      </c>
      <c r="B148" s="27">
        <v>81922300229</v>
      </c>
      <c r="C148" s="15" t="s">
        <v>81</v>
      </c>
      <c r="D148" s="9">
        <v>0</v>
      </c>
      <c r="E148" s="6">
        <v>32399</v>
      </c>
      <c r="F148" s="49" t="s">
        <v>175</v>
      </c>
      <c r="G148" s="49"/>
      <c r="H148" s="49"/>
      <c r="I148" s="49"/>
      <c r="J148" s="49"/>
      <c r="K148" s="49"/>
      <c r="L148" s="51"/>
    </row>
    <row r="149" spans="1:12" ht="15.95" customHeight="1" x14ac:dyDescent="0.25">
      <c r="A149" s="21" t="s">
        <v>295</v>
      </c>
      <c r="B149" s="27">
        <v>24021712400</v>
      </c>
      <c r="C149" s="15" t="s">
        <v>81</v>
      </c>
      <c r="D149" s="9">
        <v>0</v>
      </c>
      <c r="E149" s="6">
        <v>32399</v>
      </c>
      <c r="F149" s="70" t="s">
        <v>175</v>
      </c>
      <c r="G149" s="70"/>
      <c r="H149" s="70"/>
      <c r="I149" s="70"/>
      <c r="J149" s="70"/>
      <c r="K149" s="70"/>
      <c r="L149" s="74"/>
    </row>
    <row r="150" spans="1:12" ht="15.95" customHeight="1" x14ac:dyDescent="0.25">
      <c r="A150" s="21" t="s">
        <v>116</v>
      </c>
      <c r="B150" s="27">
        <v>34380489130</v>
      </c>
      <c r="C150" s="15" t="s">
        <v>81</v>
      </c>
      <c r="D150" s="9">
        <v>0</v>
      </c>
      <c r="E150" s="6">
        <v>32399</v>
      </c>
      <c r="F150" s="70" t="s">
        <v>175</v>
      </c>
      <c r="G150" s="70"/>
      <c r="H150" s="70"/>
      <c r="I150" s="70"/>
      <c r="J150" s="70"/>
      <c r="K150" s="70"/>
      <c r="L150" s="74"/>
    </row>
    <row r="151" spans="1:12" ht="15.95" customHeight="1" x14ac:dyDescent="0.25">
      <c r="A151" s="21" t="s">
        <v>174</v>
      </c>
      <c r="B151" s="27">
        <v>45943459741</v>
      </c>
      <c r="C151" s="15" t="s">
        <v>98</v>
      </c>
      <c r="D151" s="9">
        <v>0</v>
      </c>
      <c r="E151" s="6">
        <v>32399</v>
      </c>
      <c r="F151" s="49" t="s">
        <v>175</v>
      </c>
      <c r="G151" s="49"/>
      <c r="H151" s="49"/>
      <c r="I151" s="49"/>
      <c r="J151" s="49"/>
      <c r="K151" s="49"/>
      <c r="L151" s="51"/>
    </row>
    <row r="152" spans="1:12" ht="15.95" customHeight="1" x14ac:dyDescent="0.25">
      <c r="A152" s="21" t="s">
        <v>145</v>
      </c>
      <c r="B152" s="33">
        <v>68419124305</v>
      </c>
      <c r="C152" s="11" t="s">
        <v>98</v>
      </c>
      <c r="D152" s="9">
        <v>21.24</v>
      </c>
      <c r="E152" s="6">
        <v>32399</v>
      </c>
      <c r="F152" s="113" t="s">
        <v>36</v>
      </c>
      <c r="G152" s="113"/>
      <c r="H152" s="113"/>
      <c r="I152" s="113"/>
      <c r="J152" s="113"/>
      <c r="K152" s="113"/>
      <c r="L152" s="114"/>
    </row>
    <row r="153" spans="1:12" ht="15.95" customHeight="1" x14ac:dyDescent="0.25">
      <c r="A153" s="19"/>
      <c r="B153" s="11"/>
      <c r="C153" s="11"/>
      <c r="D153" s="9">
        <v>0</v>
      </c>
      <c r="E153" s="12">
        <v>32412</v>
      </c>
      <c r="F153" s="115" t="s">
        <v>44</v>
      </c>
      <c r="G153" s="115"/>
      <c r="H153" s="115"/>
      <c r="I153" s="115"/>
      <c r="J153" s="115"/>
      <c r="K153" s="115"/>
      <c r="L153" s="116"/>
    </row>
    <row r="154" spans="1:12" ht="15.95" customHeight="1" x14ac:dyDescent="0.25">
      <c r="A154" s="19"/>
      <c r="B154" s="11"/>
      <c r="C154" s="11"/>
      <c r="D154" s="9">
        <v>0</v>
      </c>
      <c r="E154" s="12">
        <v>324120</v>
      </c>
      <c r="F154" s="115" t="s">
        <v>38</v>
      </c>
      <c r="G154" s="115"/>
      <c r="H154" s="115"/>
      <c r="I154" s="115"/>
      <c r="J154" s="115"/>
      <c r="K154" s="115"/>
      <c r="L154" s="116"/>
    </row>
    <row r="155" spans="1:12" ht="15.95" customHeight="1" x14ac:dyDescent="0.25">
      <c r="A155" s="19" t="s">
        <v>250</v>
      </c>
      <c r="B155" s="11">
        <v>26187994862</v>
      </c>
      <c r="C155" s="11" t="s">
        <v>98</v>
      </c>
      <c r="D155" s="9">
        <v>0</v>
      </c>
      <c r="E155" s="12">
        <v>32921</v>
      </c>
      <c r="F155" s="65" t="s">
        <v>251</v>
      </c>
      <c r="G155" s="65"/>
      <c r="H155" s="65"/>
      <c r="I155" s="65"/>
      <c r="J155" s="65"/>
      <c r="K155" s="65"/>
      <c r="L155" s="67"/>
    </row>
    <row r="156" spans="1:12" ht="15.95" customHeight="1" x14ac:dyDescent="0.25">
      <c r="A156" s="19"/>
      <c r="B156" s="11"/>
      <c r="C156" s="11"/>
      <c r="D156" s="9">
        <v>0</v>
      </c>
      <c r="E156" s="6">
        <v>32922</v>
      </c>
      <c r="F156" s="113" t="s">
        <v>19</v>
      </c>
      <c r="G156" s="113"/>
      <c r="H156" s="113"/>
      <c r="I156" s="113"/>
      <c r="J156" s="113"/>
      <c r="K156" s="113"/>
      <c r="L156" s="114"/>
    </row>
    <row r="157" spans="1:12" ht="15.95" customHeight="1" x14ac:dyDescent="0.25">
      <c r="A157" s="21"/>
      <c r="B157" s="6"/>
      <c r="C157" s="6"/>
      <c r="D157" s="9">
        <v>0</v>
      </c>
      <c r="E157" s="6">
        <v>32923</v>
      </c>
      <c r="F157" s="113" t="s">
        <v>20</v>
      </c>
      <c r="G157" s="113"/>
      <c r="H157" s="113"/>
      <c r="I157" s="113"/>
      <c r="J157" s="113"/>
      <c r="K157" s="113"/>
      <c r="L157" s="114"/>
    </row>
    <row r="158" spans="1:12" ht="15.95" customHeight="1" x14ac:dyDescent="0.25">
      <c r="A158" s="19" t="s">
        <v>218</v>
      </c>
      <c r="B158" s="29">
        <v>22694857747</v>
      </c>
      <c r="C158" s="11" t="s">
        <v>98</v>
      </c>
      <c r="D158" s="9">
        <v>1172</v>
      </c>
      <c r="E158" s="6">
        <v>32924</v>
      </c>
      <c r="F158" s="113" t="s">
        <v>52</v>
      </c>
      <c r="G158" s="113"/>
      <c r="H158" s="113"/>
      <c r="I158" s="113"/>
      <c r="J158" s="113"/>
      <c r="K158" s="113"/>
      <c r="L158" s="114"/>
    </row>
    <row r="159" spans="1:12" ht="15.95" customHeight="1" x14ac:dyDescent="0.25">
      <c r="A159" s="19" t="s">
        <v>167</v>
      </c>
      <c r="B159" s="29">
        <v>73729555878</v>
      </c>
      <c r="C159" s="11" t="s">
        <v>168</v>
      </c>
      <c r="D159" s="9">
        <v>0</v>
      </c>
      <c r="E159" s="6">
        <v>32931</v>
      </c>
      <c r="F159" s="49" t="s">
        <v>33</v>
      </c>
      <c r="G159" s="49"/>
      <c r="H159" s="49"/>
      <c r="I159" s="49"/>
      <c r="J159" s="49"/>
      <c r="K159" s="49"/>
      <c r="L159" s="51"/>
    </row>
    <row r="160" spans="1:12" ht="15.95" customHeight="1" x14ac:dyDescent="0.25">
      <c r="A160" s="19" t="s">
        <v>204</v>
      </c>
      <c r="B160" s="29" t="s">
        <v>97</v>
      </c>
      <c r="C160" s="11" t="s">
        <v>98</v>
      </c>
      <c r="D160" s="9">
        <v>0</v>
      </c>
      <c r="E160" s="6">
        <v>32931</v>
      </c>
      <c r="F160" s="49" t="s">
        <v>33</v>
      </c>
      <c r="G160" s="49"/>
      <c r="H160" s="49"/>
      <c r="I160" s="49" t="s">
        <v>206</v>
      </c>
      <c r="J160" s="49"/>
      <c r="K160" s="49"/>
      <c r="L160" s="51"/>
    </row>
    <row r="161" spans="1:12" ht="15.95" customHeight="1" x14ac:dyDescent="0.25">
      <c r="A161" s="19" t="s">
        <v>200</v>
      </c>
      <c r="B161" s="29" t="s">
        <v>203</v>
      </c>
      <c r="C161" s="11" t="s">
        <v>81</v>
      </c>
      <c r="D161" s="9">
        <v>114.4</v>
      </c>
      <c r="E161" s="6">
        <v>32931</v>
      </c>
      <c r="F161" s="49" t="s">
        <v>33</v>
      </c>
      <c r="G161" s="49"/>
      <c r="H161" s="49"/>
      <c r="I161" s="49"/>
      <c r="J161" s="49"/>
      <c r="K161" s="49"/>
      <c r="L161" s="51"/>
    </row>
    <row r="162" spans="1:12" ht="15.95" customHeight="1" x14ac:dyDescent="0.25">
      <c r="A162" s="19" t="s">
        <v>201</v>
      </c>
      <c r="B162" s="29" t="s">
        <v>202</v>
      </c>
      <c r="C162" s="11" t="s">
        <v>81</v>
      </c>
      <c r="D162" s="9">
        <v>0</v>
      </c>
      <c r="E162" s="6">
        <v>32931</v>
      </c>
      <c r="F162" s="49" t="s">
        <v>33</v>
      </c>
      <c r="G162" s="49"/>
      <c r="H162" s="49"/>
      <c r="I162" s="49"/>
      <c r="J162" s="49"/>
      <c r="K162" s="49"/>
      <c r="L162" s="51"/>
    </row>
    <row r="163" spans="1:12" ht="15.95" customHeight="1" x14ac:dyDescent="0.25">
      <c r="A163" s="19" t="s">
        <v>212</v>
      </c>
      <c r="B163" s="29" t="s">
        <v>213</v>
      </c>
      <c r="C163" s="11" t="s">
        <v>101</v>
      </c>
      <c r="D163" s="9">
        <v>0</v>
      </c>
      <c r="E163" s="6">
        <v>32931</v>
      </c>
      <c r="F163" s="49" t="s">
        <v>33</v>
      </c>
      <c r="G163" s="49"/>
      <c r="H163" s="49"/>
      <c r="I163" s="49"/>
      <c r="J163" s="49"/>
      <c r="K163" s="49"/>
      <c r="L163" s="51"/>
    </row>
    <row r="164" spans="1:12" ht="15.95" customHeight="1" x14ac:dyDescent="0.25">
      <c r="A164" s="19" t="s">
        <v>144</v>
      </c>
      <c r="B164" s="29">
        <v>66099976432</v>
      </c>
      <c r="C164" s="11" t="s">
        <v>81</v>
      </c>
      <c r="D164" s="9">
        <v>0</v>
      </c>
      <c r="E164" s="6">
        <v>32931</v>
      </c>
      <c r="F164" s="49" t="s">
        <v>33</v>
      </c>
      <c r="G164" s="49"/>
      <c r="H164" s="49"/>
      <c r="I164" s="49"/>
      <c r="J164" s="49"/>
      <c r="K164" s="49"/>
      <c r="L164" s="51"/>
    </row>
    <row r="165" spans="1:12" ht="15.95" customHeight="1" x14ac:dyDescent="0.25">
      <c r="A165" s="19" t="s">
        <v>231</v>
      </c>
      <c r="B165" s="29" t="s">
        <v>232</v>
      </c>
      <c r="C165" s="11" t="s">
        <v>233</v>
      </c>
      <c r="D165" s="9">
        <v>0</v>
      </c>
      <c r="E165" s="6">
        <v>32931</v>
      </c>
      <c r="F165" s="55" t="s">
        <v>33</v>
      </c>
      <c r="G165" s="55"/>
      <c r="H165" s="55"/>
      <c r="I165" s="55"/>
      <c r="J165" s="55"/>
      <c r="K165" s="55"/>
      <c r="L165" s="56"/>
    </row>
    <row r="166" spans="1:12" ht="15.95" customHeight="1" x14ac:dyDescent="0.25">
      <c r="A166" s="19" t="s">
        <v>318</v>
      </c>
      <c r="B166" s="29" t="s">
        <v>319</v>
      </c>
      <c r="C166" s="11" t="s">
        <v>315</v>
      </c>
      <c r="D166" s="9">
        <v>0</v>
      </c>
      <c r="E166" s="6">
        <v>32931</v>
      </c>
      <c r="F166" s="93" t="s">
        <v>33</v>
      </c>
      <c r="G166" s="93"/>
      <c r="H166" s="93"/>
      <c r="I166" s="93"/>
      <c r="J166" s="93"/>
      <c r="K166" s="93"/>
      <c r="L166" s="94"/>
    </row>
    <row r="167" spans="1:12" ht="15.95" customHeight="1" x14ac:dyDescent="0.25">
      <c r="A167" s="19" t="s">
        <v>234</v>
      </c>
      <c r="B167" s="29" t="s">
        <v>235</v>
      </c>
      <c r="C167" s="11" t="s">
        <v>98</v>
      </c>
      <c r="D167" s="9">
        <v>0</v>
      </c>
      <c r="E167" s="6">
        <v>32931</v>
      </c>
      <c r="F167" s="64" t="s">
        <v>33</v>
      </c>
      <c r="G167" s="64"/>
      <c r="H167" s="64"/>
      <c r="I167" s="64"/>
      <c r="J167" s="64"/>
      <c r="K167" s="64"/>
      <c r="L167" s="66"/>
    </row>
    <row r="168" spans="1:12" ht="15.95" customHeight="1" x14ac:dyDescent="0.25">
      <c r="A168" s="21" t="s">
        <v>137</v>
      </c>
      <c r="B168" s="6">
        <v>9195821295</v>
      </c>
      <c r="C168" s="6" t="s">
        <v>101</v>
      </c>
      <c r="D168" s="9">
        <v>49.5</v>
      </c>
      <c r="E168" s="6">
        <v>32931</v>
      </c>
      <c r="F168" s="113" t="s">
        <v>33</v>
      </c>
      <c r="G168" s="113"/>
      <c r="H168" s="113"/>
      <c r="I168" s="113"/>
      <c r="J168" s="113"/>
      <c r="K168" s="113"/>
      <c r="L168" s="114"/>
    </row>
    <row r="169" spans="1:12" ht="15.95" customHeight="1" x14ac:dyDescent="0.25">
      <c r="A169" s="21" t="s">
        <v>271</v>
      </c>
      <c r="B169" s="6">
        <v>97748123085</v>
      </c>
      <c r="C169" s="6" t="s">
        <v>98</v>
      </c>
      <c r="D169" s="9">
        <v>0</v>
      </c>
      <c r="E169" s="6">
        <v>32941</v>
      </c>
      <c r="F169" s="70" t="s">
        <v>21</v>
      </c>
      <c r="G169" s="70"/>
      <c r="H169" s="70"/>
      <c r="I169" s="70"/>
      <c r="J169" s="70"/>
      <c r="K169" s="70"/>
      <c r="L169" s="74"/>
    </row>
    <row r="170" spans="1:12" ht="15.95" customHeight="1" x14ac:dyDescent="0.25">
      <c r="A170" s="21" t="s">
        <v>317</v>
      </c>
      <c r="B170" s="6">
        <v>45052309127</v>
      </c>
      <c r="C170" s="6" t="s">
        <v>98</v>
      </c>
      <c r="D170" s="9">
        <v>0</v>
      </c>
      <c r="E170" s="6">
        <v>32941</v>
      </c>
      <c r="F170" s="55" t="s">
        <v>21</v>
      </c>
      <c r="G170" s="55"/>
      <c r="H170" s="55"/>
      <c r="I170" s="55"/>
      <c r="J170" s="55"/>
      <c r="K170" s="55"/>
      <c r="L170" s="56"/>
    </row>
    <row r="171" spans="1:12" ht="15.95" customHeight="1" x14ac:dyDescent="0.25">
      <c r="A171" s="21" t="s">
        <v>305</v>
      </c>
      <c r="B171" s="6">
        <v>8262555699</v>
      </c>
      <c r="C171" s="6" t="s">
        <v>281</v>
      </c>
      <c r="D171" s="9">
        <v>0</v>
      </c>
      <c r="E171" s="6">
        <v>32941</v>
      </c>
      <c r="F171" s="78" t="s">
        <v>21</v>
      </c>
      <c r="G171" s="78"/>
      <c r="H171" s="78"/>
      <c r="I171" s="78"/>
      <c r="J171" s="78"/>
      <c r="K171" s="78"/>
      <c r="L171" s="80"/>
    </row>
    <row r="172" spans="1:12" ht="15.95" customHeight="1" x14ac:dyDescent="0.25">
      <c r="A172" s="21" t="s">
        <v>260</v>
      </c>
      <c r="B172" s="6">
        <v>94476328670</v>
      </c>
      <c r="C172" s="6" t="s">
        <v>98</v>
      </c>
      <c r="D172" s="9">
        <v>0</v>
      </c>
      <c r="E172" s="6">
        <v>32941</v>
      </c>
      <c r="F172" s="64" t="s">
        <v>21</v>
      </c>
      <c r="G172" s="64"/>
      <c r="H172" s="64"/>
      <c r="I172" s="64"/>
      <c r="J172" s="64"/>
      <c r="K172" s="64"/>
      <c r="L172" s="66"/>
    </row>
    <row r="173" spans="1:12" ht="15.95" customHeight="1" x14ac:dyDescent="0.25">
      <c r="A173" s="21" t="s">
        <v>173</v>
      </c>
      <c r="B173" s="6">
        <v>23071028130</v>
      </c>
      <c r="C173" s="6" t="s">
        <v>98</v>
      </c>
      <c r="D173" s="9">
        <v>0</v>
      </c>
      <c r="E173" s="6">
        <v>32941</v>
      </c>
      <c r="F173" s="113" t="s">
        <v>21</v>
      </c>
      <c r="G173" s="113"/>
      <c r="H173" s="113"/>
      <c r="I173" s="113"/>
      <c r="J173" s="113"/>
      <c r="K173" s="113"/>
      <c r="L173" s="114"/>
    </row>
    <row r="174" spans="1:12" ht="15.95" customHeight="1" x14ac:dyDescent="0.25">
      <c r="A174" s="21" t="s">
        <v>77</v>
      </c>
      <c r="B174" s="6">
        <v>24109146045</v>
      </c>
      <c r="C174" s="11" t="s">
        <v>104</v>
      </c>
      <c r="D174" s="9">
        <v>0</v>
      </c>
      <c r="E174" s="6">
        <v>32952</v>
      </c>
      <c r="F174" s="113" t="s">
        <v>39</v>
      </c>
      <c r="G174" s="113"/>
      <c r="H174" s="113"/>
      <c r="I174" s="113"/>
      <c r="J174" s="113"/>
      <c r="K174" s="113"/>
      <c r="L174" s="114"/>
    </row>
    <row r="175" spans="1:12" ht="15.95" customHeight="1" x14ac:dyDescent="0.25">
      <c r="A175" s="21" t="s">
        <v>126</v>
      </c>
      <c r="B175" s="6">
        <v>37588811552</v>
      </c>
      <c r="C175" s="11" t="s">
        <v>104</v>
      </c>
      <c r="D175" s="9">
        <v>0</v>
      </c>
      <c r="E175" s="6">
        <v>32952</v>
      </c>
      <c r="F175" s="113" t="s">
        <v>39</v>
      </c>
      <c r="G175" s="113"/>
      <c r="H175" s="113"/>
      <c r="I175" s="113"/>
      <c r="J175" s="113"/>
      <c r="K175" s="113"/>
      <c r="L175" s="114"/>
    </row>
    <row r="176" spans="1:12" ht="15.95" customHeight="1" x14ac:dyDescent="0.25">
      <c r="A176" s="21" t="s">
        <v>189</v>
      </c>
      <c r="B176" s="6">
        <v>4514793047</v>
      </c>
      <c r="C176" s="6" t="s">
        <v>81</v>
      </c>
      <c r="D176" s="9">
        <v>0</v>
      </c>
      <c r="E176" s="6">
        <v>32953</v>
      </c>
      <c r="F176" s="113" t="s">
        <v>40</v>
      </c>
      <c r="G176" s="113"/>
      <c r="H176" s="113"/>
      <c r="I176" s="113"/>
      <c r="J176" s="113"/>
      <c r="K176" s="113"/>
      <c r="L176" s="114"/>
    </row>
    <row r="177" spans="1:12" ht="15.95" customHeight="1" x14ac:dyDescent="0.25">
      <c r="A177" s="21"/>
      <c r="B177" s="6"/>
      <c r="C177" s="6"/>
      <c r="D177" s="9">
        <v>0</v>
      </c>
      <c r="E177" s="6">
        <v>32959</v>
      </c>
      <c r="F177" s="113" t="s">
        <v>41</v>
      </c>
      <c r="G177" s="113"/>
      <c r="H177" s="113"/>
      <c r="I177" s="113"/>
      <c r="J177" s="113"/>
      <c r="K177" s="113"/>
      <c r="L177" s="114"/>
    </row>
    <row r="178" spans="1:12" ht="15.95" customHeight="1" x14ac:dyDescent="0.25">
      <c r="A178" s="21"/>
      <c r="B178" s="6"/>
      <c r="C178" s="6"/>
      <c r="D178" s="9">
        <v>0</v>
      </c>
      <c r="E178" s="6">
        <v>32961</v>
      </c>
      <c r="F178" s="113" t="s">
        <v>54</v>
      </c>
      <c r="G178" s="113"/>
      <c r="H178" s="113"/>
      <c r="I178" s="113"/>
      <c r="J178" s="113"/>
      <c r="K178" s="113"/>
      <c r="L178" s="114"/>
    </row>
    <row r="179" spans="1:12" ht="15.95" customHeight="1" x14ac:dyDescent="0.25">
      <c r="A179" s="21" t="s">
        <v>185</v>
      </c>
      <c r="B179" s="6">
        <v>8812225426</v>
      </c>
      <c r="C179" s="6" t="s">
        <v>81</v>
      </c>
      <c r="D179" s="9">
        <v>0</v>
      </c>
      <c r="E179" s="6">
        <v>32991</v>
      </c>
      <c r="F179" s="49" t="s">
        <v>42</v>
      </c>
      <c r="G179" s="49"/>
      <c r="H179" s="49"/>
      <c r="I179" s="49"/>
      <c r="J179" s="49"/>
      <c r="K179" s="49"/>
      <c r="L179" s="51"/>
    </row>
    <row r="180" spans="1:12" ht="15.95" customHeight="1" x14ac:dyDescent="0.25">
      <c r="A180" s="21" t="s">
        <v>147</v>
      </c>
      <c r="B180" s="6">
        <v>34338246514</v>
      </c>
      <c r="C180" s="6" t="s">
        <v>81</v>
      </c>
      <c r="D180" s="9">
        <v>0</v>
      </c>
      <c r="E180" s="6">
        <v>32991</v>
      </c>
      <c r="F180" s="113" t="s">
        <v>42</v>
      </c>
      <c r="G180" s="113"/>
      <c r="H180" s="113"/>
      <c r="I180" s="113"/>
      <c r="J180" s="113"/>
      <c r="K180" s="113"/>
      <c r="L180" s="114"/>
    </row>
    <row r="181" spans="1:12" ht="15.95" customHeight="1" x14ac:dyDescent="0.25">
      <c r="A181" s="21" t="s">
        <v>164</v>
      </c>
      <c r="B181" s="6">
        <v>14513216043</v>
      </c>
      <c r="C181" s="6" t="s">
        <v>81</v>
      </c>
      <c r="D181" s="9">
        <v>0</v>
      </c>
      <c r="E181" s="6">
        <v>32999</v>
      </c>
      <c r="F181" s="113" t="s">
        <v>35</v>
      </c>
      <c r="G181" s="113"/>
      <c r="H181" s="113"/>
      <c r="I181" s="113"/>
      <c r="J181" s="113"/>
      <c r="K181" s="113"/>
      <c r="L181" s="114"/>
    </row>
    <row r="182" spans="1:12" ht="15.95" customHeight="1" x14ac:dyDescent="0.25">
      <c r="A182" s="21" t="s">
        <v>137</v>
      </c>
      <c r="B182" s="6">
        <v>91958721295</v>
      </c>
      <c r="C182" s="6" t="s">
        <v>101</v>
      </c>
      <c r="D182" s="9">
        <v>0</v>
      </c>
      <c r="E182" s="6">
        <v>32999</v>
      </c>
      <c r="F182" s="95" t="s">
        <v>35</v>
      </c>
      <c r="G182" s="95"/>
      <c r="H182" s="95"/>
      <c r="I182" s="95"/>
      <c r="J182" s="95"/>
      <c r="K182" s="95"/>
      <c r="L182" s="96"/>
    </row>
    <row r="183" spans="1:12" ht="15.95" customHeight="1" x14ac:dyDescent="0.25">
      <c r="A183" s="21" t="s">
        <v>329</v>
      </c>
      <c r="B183" s="6">
        <v>10524227648</v>
      </c>
      <c r="C183" s="6" t="s">
        <v>101</v>
      </c>
      <c r="D183" s="9">
        <v>0</v>
      </c>
      <c r="E183" s="6">
        <v>32999</v>
      </c>
      <c r="F183" s="95" t="s">
        <v>330</v>
      </c>
      <c r="G183" s="95"/>
      <c r="H183" s="95"/>
      <c r="I183" s="95"/>
      <c r="J183" s="95"/>
      <c r="K183" s="95"/>
      <c r="L183" s="96"/>
    </row>
    <row r="184" spans="1:12" ht="15.95" customHeight="1" x14ac:dyDescent="0.25">
      <c r="A184" s="21" t="s">
        <v>238</v>
      </c>
      <c r="B184" s="6">
        <v>57500462912</v>
      </c>
      <c r="C184" s="6" t="s">
        <v>98</v>
      </c>
      <c r="D184" s="9">
        <v>0</v>
      </c>
      <c r="E184" s="6">
        <v>32999</v>
      </c>
      <c r="F184" s="64" t="s">
        <v>35</v>
      </c>
      <c r="G184" s="64"/>
      <c r="H184" s="64"/>
      <c r="I184" s="64"/>
      <c r="J184" s="64"/>
      <c r="K184" s="64"/>
      <c r="L184" s="66"/>
    </row>
    <row r="185" spans="1:12" ht="15.95" customHeight="1" x14ac:dyDescent="0.25">
      <c r="A185" s="19" t="s">
        <v>127</v>
      </c>
      <c r="B185" s="14" t="s">
        <v>108</v>
      </c>
      <c r="C185" s="15" t="s">
        <v>81</v>
      </c>
      <c r="D185" s="9">
        <v>113.2</v>
      </c>
      <c r="E185" s="6">
        <v>34312</v>
      </c>
      <c r="F185" s="117" t="s">
        <v>43</v>
      </c>
      <c r="G185" s="117"/>
      <c r="H185" s="117"/>
      <c r="I185" s="117"/>
      <c r="J185" s="117"/>
      <c r="K185" s="117"/>
      <c r="L185" s="118"/>
    </row>
    <row r="186" spans="1:12" ht="15.95" customHeight="1" x14ac:dyDescent="0.25">
      <c r="A186" s="20" t="s">
        <v>84</v>
      </c>
      <c r="B186" s="14" t="s">
        <v>82</v>
      </c>
      <c r="C186" s="6" t="s">
        <v>111</v>
      </c>
      <c r="D186" s="9">
        <v>0</v>
      </c>
      <c r="E186" s="6">
        <v>34312</v>
      </c>
      <c r="F186" s="117" t="s">
        <v>34</v>
      </c>
      <c r="G186" s="117"/>
      <c r="H186" s="117"/>
      <c r="I186" s="117"/>
      <c r="J186" s="117"/>
      <c r="K186" s="117"/>
      <c r="L186" s="118"/>
    </row>
    <row r="187" spans="1:12" s="1" customFormat="1" ht="15.95" customHeight="1" x14ac:dyDescent="0.25">
      <c r="A187" s="20" t="s">
        <v>91</v>
      </c>
      <c r="B187" s="14" t="s">
        <v>92</v>
      </c>
      <c r="C187" s="15" t="s">
        <v>93</v>
      </c>
      <c r="D187" s="9">
        <v>52.8</v>
      </c>
      <c r="E187" s="6">
        <v>32242</v>
      </c>
      <c r="F187" s="113" t="s">
        <v>22</v>
      </c>
      <c r="G187" s="113"/>
      <c r="H187" s="113"/>
      <c r="I187" s="113"/>
      <c r="J187" s="113"/>
      <c r="K187" s="113"/>
      <c r="L187" s="114"/>
    </row>
    <row r="188" spans="1:12" s="1" customFormat="1" ht="15.95" customHeight="1" x14ac:dyDescent="0.25">
      <c r="A188" s="20" t="s">
        <v>255</v>
      </c>
      <c r="B188" s="14" t="s">
        <v>135</v>
      </c>
      <c r="C188" s="15" t="s">
        <v>81</v>
      </c>
      <c r="D188" s="9">
        <v>0</v>
      </c>
      <c r="E188" s="6">
        <v>32242</v>
      </c>
      <c r="F188" s="64" t="s">
        <v>22</v>
      </c>
      <c r="G188" s="64"/>
      <c r="H188" s="64"/>
      <c r="I188" s="64"/>
      <c r="J188" s="64"/>
      <c r="K188" s="64"/>
      <c r="L188" s="66"/>
    </row>
    <row r="189" spans="1:12" s="1" customFormat="1" ht="15.95" customHeight="1" x14ac:dyDescent="0.25">
      <c r="A189" s="21" t="s">
        <v>112</v>
      </c>
      <c r="B189" s="14" t="s">
        <v>85</v>
      </c>
      <c r="C189" s="15" t="s">
        <v>79</v>
      </c>
      <c r="D189" s="9">
        <v>85.3</v>
      </c>
      <c r="E189" s="6">
        <v>32242</v>
      </c>
      <c r="F189" s="113" t="s">
        <v>22</v>
      </c>
      <c r="G189" s="113"/>
      <c r="H189" s="113"/>
      <c r="I189" s="113"/>
      <c r="J189" s="113"/>
      <c r="K189" s="113"/>
      <c r="L189" s="114"/>
    </row>
    <row r="190" spans="1:12" s="1" customFormat="1" ht="15.95" customHeight="1" x14ac:dyDescent="0.25">
      <c r="A190" s="21" t="s">
        <v>68</v>
      </c>
      <c r="B190" s="29" t="s">
        <v>118</v>
      </c>
      <c r="C190" s="15" t="s">
        <v>101</v>
      </c>
      <c r="D190" s="9">
        <v>0</v>
      </c>
      <c r="E190" s="6">
        <v>32242</v>
      </c>
      <c r="F190" s="113" t="s">
        <v>22</v>
      </c>
      <c r="G190" s="113"/>
      <c r="H190" s="113"/>
      <c r="I190" s="113"/>
      <c r="J190" s="113"/>
      <c r="K190" s="113"/>
      <c r="L190" s="114"/>
    </row>
    <row r="191" spans="1:12" ht="15.95" customHeight="1" x14ac:dyDescent="0.25">
      <c r="A191" s="21" t="s">
        <v>188</v>
      </c>
      <c r="B191" s="6">
        <v>81653537589</v>
      </c>
      <c r="C191" s="6" t="s">
        <v>101</v>
      </c>
      <c r="D191" s="9">
        <v>0</v>
      </c>
      <c r="E191" s="6">
        <v>32321</v>
      </c>
      <c r="F191" s="115" t="s">
        <v>26</v>
      </c>
      <c r="G191" s="115"/>
      <c r="H191" s="115"/>
      <c r="I191" s="115"/>
      <c r="J191" s="115"/>
      <c r="K191" s="115"/>
      <c r="L191" s="116"/>
    </row>
    <row r="192" spans="1:12" ht="15.95" customHeight="1" x14ac:dyDescent="0.25">
      <c r="A192" s="21" t="s">
        <v>301</v>
      </c>
      <c r="B192" s="6">
        <v>28704679785</v>
      </c>
      <c r="C192" s="6" t="s">
        <v>104</v>
      </c>
      <c r="D192" s="9">
        <v>0</v>
      </c>
      <c r="E192" s="6">
        <v>32321</v>
      </c>
      <c r="F192" s="79" t="s">
        <v>27</v>
      </c>
      <c r="G192" s="79"/>
      <c r="H192" s="79"/>
      <c r="I192" s="79"/>
      <c r="J192" s="79"/>
      <c r="K192" s="79"/>
      <c r="L192" s="81"/>
    </row>
    <row r="193" spans="1:12" ht="15.95" customHeight="1" x14ac:dyDescent="0.25">
      <c r="A193" s="21" t="s">
        <v>70</v>
      </c>
      <c r="B193" s="6">
        <v>24690129373</v>
      </c>
      <c r="C193" s="6" t="s">
        <v>119</v>
      </c>
      <c r="D193" s="9">
        <v>0</v>
      </c>
      <c r="E193" s="6">
        <v>32322</v>
      </c>
      <c r="F193" s="115" t="s">
        <v>27</v>
      </c>
      <c r="G193" s="115"/>
      <c r="H193" s="115"/>
      <c r="I193" s="115"/>
      <c r="J193" s="115"/>
      <c r="K193" s="115"/>
      <c r="L193" s="116"/>
    </row>
    <row r="194" spans="1:12" ht="15.95" customHeight="1" x14ac:dyDescent="0.25">
      <c r="A194" s="21" t="s">
        <v>71</v>
      </c>
      <c r="B194" s="33">
        <v>84549788599</v>
      </c>
      <c r="C194" s="15" t="s">
        <v>79</v>
      </c>
      <c r="D194" s="9">
        <v>0</v>
      </c>
      <c r="E194" s="6">
        <v>32322</v>
      </c>
      <c r="F194" s="115" t="s">
        <v>27</v>
      </c>
      <c r="G194" s="115"/>
      <c r="H194" s="115"/>
      <c r="I194" s="115"/>
      <c r="J194" s="115"/>
      <c r="K194" s="115"/>
      <c r="L194" s="116"/>
    </row>
    <row r="195" spans="1:12" ht="15.95" customHeight="1" x14ac:dyDescent="0.25">
      <c r="A195" s="21" t="s">
        <v>344</v>
      </c>
      <c r="B195" s="33">
        <v>26250338198</v>
      </c>
      <c r="C195" s="15" t="s">
        <v>101</v>
      </c>
      <c r="D195" s="9">
        <v>0</v>
      </c>
      <c r="E195" s="6">
        <v>32322</v>
      </c>
      <c r="F195" s="65" t="s">
        <v>27</v>
      </c>
      <c r="G195" s="65"/>
      <c r="H195" s="65"/>
      <c r="I195" s="65"/>
      <c r="J195" s="65"/>
      <c r="K195" s="65"/>
      <c r="L195" s="67"/>
    </row>
    <row r="196" spans="1:12" ht="15.95" customHeight="1" x14ac:dyDescent="0.25">
      <c r="A196" s="21"/>
      <c r="B196" s="6"/>
      <c r="C196" s="6"/>
      <c r="D196" s="9">
        <v>0</v>
      </c>
      <c r="E196" s="6">
        <v>32329</v>
      </c>
      <c r="F196" s="115" t="s">
        <v>28</v>
      </c>
      <c r="G196" s="115"/>
      <c r="H196" s="115"/>
      <c r="I196" s="115"/>
      <c r="J196" s="115"/>
      <c r="K196" s="115"/>
      <c r="L196" s="116"/>
    </row>
    <row r="197" spans="1:12" ht="15.95" customHeight="1" x14ac:dyDescent="0.25">
      <c r="A197" s="21" t="s">
        <v>74</v>
      </c>
      <c r="B197" s="28" t="s">
        <v>117</v>
      </c>
      <c r="C197" s="6" t="s">
        <v>111</v>
      </c>
      <c r="D197" s="9">
        <v>0</v>
      </c>
      <c r="E197" s="12">
        <v>37229</v>
      </c>
      <c r="F197" s="115" t="s">
        <v>48</v>
      </c>
      <c r="G197" s="115"/>
      <c r="H197" s="115"/>
      <c r="I197" s="115"/>
      <c r="J197" s="115"/>
      <c r="K197" s="115"/>
      <c r="L197" s="116"/>
    </row>
    <row r="198" spans="1:12" ht="15.95" customHeight="1" x14ac:dyDescent="0.25">
      <c r="A198" s="21" t="s">
        <v>75</v>
      </c>
      <c r="B198" s="6">
        <v>64546066176</v>
      </c>
      <c r="C198" s="6" t="s">
        <v>111</v>
      </c>
      <c r="D198" s="9">
        <v>0</v>
      </c>
      <c r="E198" s="12">
        <v>37229</v>
      </c>
      <c r="F198" s="115" t="s">
        <v>48</v>
      </c>
      <c r="G198" s="115"/>
      <c r="H198" s="115"/>
      <c r="I198" s="115"/>
      <c r="J198" s="115"/>
      <c r="K198" s="115"/>
      <c r="L198" s="116"/>
    </row>
    <row r="199" spans="1:12" ht="15.95" customHeight="1" x14ac:dyDescent="0.25">
      <c r="A199" s="21" t="s">
        <v>75</v>
      </c>
      <c r="B199" s="6">
        <v>64546066176</v>
      </c>
      <c r="C199" s="6" t="s">
        <v>98</v>
      </c>
      <c r="D199" s="9">
        <v>16300.19</v>
      </c>
      <c r="E199" s="12">
        <v>37229</v>
      </c>
      <c r="F199" s="58" t="s">
        <v>349</v>
      </c>
      <c r="G199" s="58"/>
      <c r="H199" s="58"/>
      <c r="I199" s="58"/>
      <c r="J199" s="107"/>
      <c r="K199" s="107"/>
      <c r="L199" s="82" t="s">
        <v>267</v>
      </c>
    </row>
    <row r="200" spans="1:12" ht="15.95" customHeight="1" x14ac:dyDescent="0.25">
      <c r="A200" s="21" t="s">
        <v>66</v>
      </c>
      <c r="B200" s="33">
        <v>38967655335</v>
      </c>
      <c r="C200" s="15" t="s">
        <v>98</v>
      </c>
      <c r="D200" s="9">
        <v>3761.21</v>
      </c>
      <c r="E200" s="12">
        <v>37229</v>
      </c>
      <c r="F200" s="115" t="s">
        <v>350</v>
      </c>
      <c r="G200" s="115"/>
      <c r="H200" s="115"/>
      <c r="I200" s="115"/>
      <c r="J200" s="115"/>
      <c r="K200" s="115"/>
      <c r="L200" s="116"/>
    </row>
    <row r="201" spans="1:12" ht="15.95" customHeight="1" x14ac:dyDescent="0.25">
      <c r="A201" s="21" t="s">
        <v>114</v>
      </c>
      <c r="B201" s="34">
        <v>95803232921</v>
      </c>
      <c r="C201" s="6" t="s">
        <v>111</v>
      </c>
      <c r="D201" s="9">
        <v>0</v>
      </c>
      <c r="E201" s="12">
        <v>37229</v>
      </c>
      <c r="F201" s="115" t="s">
        <v>48</v>
      </c>
      <c r="G201" s="115"/>
      <c r="H201" s="115"/>
      <c r="I201" s="115"/>
      <c r="J201" s="115"/>
      <c r="K201" s="115"/>
      <c r="L201" s="116"/>
    </row>
    <row r="202" spans="1:12" ht="15.95" customHeight="1" x14ac:dyDescent="0.25">
      <c r="A202" s="21" t="s">
        <v>198</v>
      </c>
      <c r="B202" s="34">
        <v>46949633761</v>
      </c>
      <c r="C202" s="6" t="s">
        <v>101</v>
      </c>
      <c r="D202" s="9">
        <v>0</v>
      </c>
      <c r="E202" s="12">
        <v>42261</v>
      </c>
      <c r="F202" s="50" t="s">
        <v>199</v>
      </c>
      <c r="G202" s="50"/>
      <c r="H202" s="50"/>
      <c r="I202" s="50"/>
      <c r="J202" s="50"/>
      <c r="K202" s="50"/>
      <c r="L202" s="52"/>
    </row>
    <row r="203" spans="1:12" ht="15.95" customHeight="1" x14ac:dyDescent="0.25">
      <c r="A203" s="21" t="s">
        <v>215</v>
      </c>
      <c r="B203" s="34">
        <v>87301734795</v>
      </c>
      <c r="C203" s="6" t="s">
        <v>93</v>
      </c>
      <c r="D203" s="9">
        <v>0</v>
      </c>
      <c r="E203" s="12">
        <v>42261</v>
      </c>
      <c r="F203" s="65" t="s">
        <v>199</v>
      </c>
      <c r="G203" s="65"/>
      <c r="H203" s="65"/>
      <c r="I203" s="65"/>
      <c r="J203" s="65"/>
      <c r="K203" s="65"/>
      <c r="L203" s="67"/>
    </row>
    <row r="204" spans="1:12" ht="15.95" customHeight="1" x14ac:dyDescent="0.25">
      <c r="A204" s="21" t="s">
        <v>196</v>
      </c>
      <c r="B204" s="34">
        <v>30098672140</v>
      </c>
      <c r="C204" s="6" t="s">
        <v>81</v>
      </c>
      <c r="D204" s="9">
        <v>0</v>
      </c>
      <c r="E204" s="12">
        <v>42261</v>
      </c>
      <c r="F204" s="50" t="s">
        <v>197</v>
      </c>
      <c r="G204" s="50"/>
      <c r="H204" s="50"/>
      <c r="I204" s="50"/>
      <c r="J204" s="50"/>
      <c r="K204" s="50"/>
      <c r="L204" s="52"/>
    </row>
    <row r="205" spans="1:12" ht="15.95" customHeight="1" x14ac:dyDescent="0.25">
      <c r="A205" s="21" t="s">
        <v>121</v>
      </c>
      <c r="B205" s="33">
        <v>66886063050</v>
      </c>
      <c r="C205" s="15" t="s">
        <v>101</v>
      </c>
      <c r="D205" s="9">
        <v>0</v>
      </c>
      <c r="E205" s="6">
        <v>42145</v>
      </c>
      <c r="F205" s="113" t="s">
        <v>58</v>
      </c>
      <c r="G205" s="113"/>
      <c r="H205" s="113"/>
      <c r="I205" s="113"/>
      <c r="J205" s="113"/>
      <c r="K205" s="113"/>
      <c r="L205" s="114"/>
    </row>
    <row r="206" spans="1:12" ht="15.95" customHeight="1" x14ac:dyDescent="0.25">
      <c r="A206" s="21"/>
      <c r="B206" s="6"/>
      <c r="C206" s="6"/>
      <c r="D206" s="9">
        <v>0</v>
      </c>
      <c r="E206" s="6">
        <v>42149</v>
      </c>
      <c r="F206" s="113" t="s">
        <v>59</v>
      </c>
      <c r="G206" s="113"/>
      <c r="H206" s="113"/>
      <c r="I206" s="113"/>
      <c r="J206" s="113"/>
      <c r="K206" s="113"/>
      <c r="L206" s="114"/>
    </row>
    <row r="207" spans="1:12" ht="15.95" customHeight="1" x14ac:dyDescent="0.25">
      <c r="A207" s="21" t="s">
        <v>345</v>
      </c>
      <c r="B207" s="6">
        <v>91448726740</v>
      </c>
      <c r="C207" s="6" t="s">
        <v>98</v>
      </c>
      <c r="D207" s="9">
        <v>0</v>
      </c>
      <c r="E207" s="6">
        <v>42211</v>
      </c>
      <c r="F207" s="113" t="s">
        <v>346</v>
      </c>
      <c r="G207" s="113"/>
      <c r="H207" s="113"/>
      <c r="I207" s="113"/>
      <c r="J207" s="113"/>
      <c r="K207" s="113"/>
      <c r="L207" s="114"/>
    </row>
    <row r="208" spans="1:12" ht="15.95" customHeight="1" x14ac:dyDescent="0.25">
      <c r="A208" s="21" t="s">
        <v>128</v>
      </c>
      <c r="B208" s="6">
        <v>64729046835</v>
      </c>
      <c r="C208" s="15" t="s">
        <v>81</v>
      </c>
      <c r="D208" s="9">
        <v>0</v>
      </c>
      <c r="E208" s="6">
        <v>42212</v>
      </c>
      <c r="F208" s="113" t="s">
        <v>23</v>
      </c>
      <c r="G208" s="113"/>
      <c r="H208" s="113"/>
      <c r="I208" s="113"/>
      <c r="J208" s="113"/>
      <c r="K208" s="113"/>
      <c r="L208" s="114"/>
    </row>
    <row r="209" spans="1:12" ht="15.95" customHeight="1" x14ac:dyDescent="0.25">
      <c r="A209" s="21" t="s">
        <v>296</v>
      </c>
      <c r="B209" s="6">
        <v>33183576221</v>
      </c>
      <c r="C209" s="6" t="s">
        <v>194</v>
      </c>
      <c r="D209" s="9">
        <v>0</v>
      </c>
      <c r="E209" s="6">
        <v>42219</v>
      </c>
      <c r="F209" s="113" t="s">
        <v>24</v>
      </c>
      <c r="G209" s="113"/>
      <c r="H209" s="113"/>
      <c r="I209" s="113"/>
      <c r="J209" s="113"/>
      <c r="K209" s="113"/>
      <c r="L209" s="114"/>
    </row>
    <row r="210" spans="1:12" ht="15.95" customHeight="1" x14ac:dyDescent="0.25">
      <c r="A210" s="21" t="s">
        <v>181</v>
      </c>
      <c r="B210" s="6">
        <v>95817018652</v>
      </c>
      <c r="C210" s="6" t="s">
        <v>182</v>
      </c>
      <c r="D210" s="9">
        <v>0</v>
      </c>
      <c r="E210" s="6">
        <v>42231</v>
      </c>
      <c r="F210" s="113" t="s">
        <v>56</v>
      </c>
      <c r="G210" s="113"/>
      <c r="H210" s="113"/>
      <c r="I210" s="113"/>
      <c r="J210" s="113"/>
      <c r="K210" s="113"/>
      <c r="L210" s="114"/>
    </row>
    <row r="211" spans="1:12" ht="15.95" customHeight="1" x14ac:dyDescent="0.25">
      <c r="A211" s="21"/>
      <c r="B211" s="6"/>
      <c r="C211" s="6"/>
      <c r="D211" s="9">
        <v>0</v>
      </c>
      <c r="E211" s="6">
        <v>42239</v>
      </c>
      <c r="F211" s="113" t="s">
        <v>53</v>
      </c>
      <c r="G211" s="113"/>
      <c r="H211" s="113"/>
      <c r="I211" s="113"/>
      <c r="J211" s="113"/>
      <c r="K211" s="113"/>
      <c r="L211" s="114"/>
    </row>
    <row r="212" spans="1:12" ht="15.95" customHeight="1" x14ac:dyDescent="0.25">
      <c r="A212" s="21"/>
      <c r="B212" s="6"/>
      <c r="C212" s="6"/>
      <c r="D212" s="9">
        <v>0</v>
      </c>
      <c r="E212" s="6">
        <v>42252</v>
      </c>
      <c r="F212" s="113" t="s">
        <v>53</v>
      </c>
      <c r="G212" s="113"/>
      <c r="H212" s="113"/>
      <c r="I212" s="113"/>
      <c r="J212" s="113"/>
      <c r="K212" s="113"/>
      <c r="L212" s="114"/>
    </row>
    <row r="213" spans="1:12" ht="15.95" customHeight="1" x14ac:dyDescent="0.25">
      <c r="A213" s="21"/>
      <c r="B213" s="6"/>
      <c r="C213" s="6"/>
      <c r="D213" s="9">
        <v>0</v>
      </c>
      <c r="E213" s="6">
        <v>42259</v>
      </c>
      <c r="F213" s="113" t="s">
        <v>49</v>
      </c>
      <c r="G213" s="113"/>
      <c r="H213" s="113"/>
      <c r="I213" s="113"/>
      <c r="J213" s="113"/>
      <c r="K213" s="113"/>
      <c r="L213" s="114"/>
    </row>
    <row r="214" spans="1:12" ht="15.95" customHeight="1" x14ac:dyDescent="0.25">
      <c r="A214" s="21" t="s">
        <v>74</v>
      </c>
      <c r="B214" s="28" t="s">
        <v>117</v>
      </c>
      <c r="C214" s="6" t="s">
        <v>111</v>
      </c>
      <c r="D214" s="9">
        <v>0</v>
      </c>
      <c r="E214" s="6">
        <v>42411</v>
      </c>
      <c r="F214" s="113" t="s">
        <v>47</v>
      </c>
      <c r="G214" s="113"/>
      <c r="H214" s="113"/>
      <c r="I214" s="113"/>
      <c r="J214" s="113"/>
      <c r="K214" s="113"/>
      <c r="L214" s="114"/>
    </row>
    <row r="215" spans="1:12" ht="15.95" customHeight="1" x14ac:dyDescent="0.25">
      <c r="A215" s="21" t="s">
        <v>258</v>
      </c>
      <c r="B215" s="28" t="s">
        <v>259</v>
      </c>
      <c r="C215" s="6" t="s">
        <v>98</v>
      </c>
      <c r="D215" s="9">
        <v>0</v>
      </c>
      <c r="E215" s="6">
        <v>42411</v>
      </c>
      <c r="F215" s="64" t="s">
        <v>221</v>
      </c>
      <c r="G215" s="64"/>
      <c r="H215" s="64"/>
      <c r="I215" s="64"/>
      <c r="J215" s="64"/>
      <c r="K215" s="64"/>
      <c r="L215" s="66"/>
    </row>
    <row r="216" spans="1:12" ht="15.95" customHeight="1" x14ac:dyDescent="0.25">
      <c r="A216" s="21" t="s">
        <v>219</v>
      </c>
      <c r="B216" s="28" t="s">
        <v>220</v>
      </c>
      <c r="C216" s="6" t="s">
        <v>98</v>
      </c>
      <c r="D216" s="9">
        <v>0</v>
      </c>
      <c r="E216" s="6">
        <v>42411</v>
      </c>
      <c r="F216" s="57" t="s">
        <v>221</v>
      </c>
      <c r="G216" s="57"/>
      <c r="H216" s="57"/>
      <c r="I216" s="57"/>
      <c r="J216" s="57"/>
      <c r="K216" s="57"/>
      <c r="L216" s="61"/>
    </row>
    <row r="217" spans="1:12" ht="15.95" customHeight="1" x14ac:dyDescent="0.25">
      <c r="A217" s="21" t="s">
        <v>75</v>
      </c>
      <c r="B217" s="6">
        <v>64546066176</v>
      </c>
      <c r="C217" s="6" t="s">
        <v>111</v>
      </c>
      <c r="D217" s="9">
        <v>0</v>
      </c>
      <c r="E217" s="12">
        <v>42411</v>
      </c>
      <c r="F217" s="113" t="s">
        <v>47</v>
      </c>
      <c r="G217" s="113"/>
      <c r="H217" s="113"/>
      <c r="I217" s="113"/>
      <c r="J217" s="113"/>
      <c r="K217" s="113"/>
      <c r="L217" s="114"/>
    </row>
    <row r="218" spans="1:12" ht="15.95" customHeight="1" x14ac:dyDescent="0.25">
      <c r="A218" s="21" t="s">
        <v>76</v>
      </c>
      <c r="B218" s="34">
        <v>95803232921</v>
      </c>
      <c r="C218" s="6" t="s">
        <v>111</v>
      </c>
      <c r="D218" s="9">
        <v>0</v>
      </c>
      <c r="E218" s="12">
        <v>42411</v>
      </c>
      <c r="F218" s="113" t="s">
        <v>47</v>
      </c>
      <c r="G218" s="113"/>
      <c r="H218" s="113"/>
      <c r="I218" s="113"/>
      <c r="J218" s="113"/>
      <c r="K218" s="113"/>
      <c r="L218" s="114"/>
    </row>
    <row r="219" spans="1:12" s="4" customFormat="1" ht="24.75" customHeight="1" thickBot="1" x14ac:dyDescent="0.4">
      <c r="A219" s="22"/>
      <c r="B219" s="23"/>
      <c r="C219" s="23"/>
      <c r="D219" s="24">
        <f>SUM(D16:D218)</f>
        <v>35314.300000000003</v>
      </c>
      <c r="E219" s="25"/>
      <c r="F219" s="119" t="s">
        <v>347</v>
      </c>
      <c r="G219" s="119"/>
      <c r="H219" s="119"/>
      <c r="I219" s="119"/>
      <c r="J219" s="119"/>
      <c r="K219" s="119"/>
      <c r="L219" s="120"/>
    </row>
    <row r="220" spans="1:12" ht="24.75" customHeight="1" x14ac:dyDescent="0.25">
      <c r="D220" s="13"/>
    </row>
    <row r="221" spans="1:12" ht="15.95" customHeight="1" x14ac:dyDescent="0.25"/>
    <row r="222" spans="1:12" ht="15.95" customHeight="1" x14ac:dyDescent="0.25"/>
    <row r="223" spans="1:12" ht="15.95" customHeight="1" x14ac:dyDescent="0.25"/>
    <row r="224" spans="1:12" ht="15.95" customHeight="1" x14ac:dyDescent="0.25"/>
    <row r="225" spans="2:5" ht="15.95" customHeight="1" x14ac:dyDescent="0.25"/>
    <row r="226" spans="2:5" ht="15.95" customHeight="1" x14ac:dyDescent="0.25"/>
    <row r="227" spans="2:5" ht="15.95" customHeight="1" x14ac:dyDescent="0.25"/>
    <row r="228" spans="2:5" ht="15.95" customHeight="1" x14ac:dyDescent="0.25"/>
    <row r="229" spans="2:5" ht="15.95" customHeight="1" x14ac:dyDescent="0.25"/>
    <row r="230" spans="2:5" ht="15.95" customHeight="1" x14ac:dyDescent="0.25"/>
    <row r="231" spans="2:5" ht="15.95" customHeight="1" x14ac:dyDescent="0.25"/>
    <row r="232" spans="2:5" ht="15.95" customHeight="1" x14ac:dyDescent="0.25"/>
    <row r="233" spans="2:5" ht="15.95" customHeight="1" x14ac:dyDescent="0.25"/>
    <row r="234" spans="2:5" ht="15.95" customHeight="1" x14ac:dyDescent="0.25"/>
    <row r="235" spans="2:5" ht="15.95" customHeight="1" x14ac:dyDescent="0.25"/>
    <row r="236" spans="2:5" s="1" customFormat="1" ht="15.95" customHeight="1" x14ac:dyDescent="0.25">
      <c r="B236" s="7"/>
      <c r="C236" s="7"/>
      <c r="D236" s="10"/>
      <c r="E236" s="7"/>
    </row>
    <row r="237" spans="2:5" s="1" customFormat="1" ht="15.95" customHeight="1" x14ac:dyDescent="0.25">
      <c r="B237" s="7"/>
      <c r="C237" s="7"/>
      <c r="D237" s="10"/>
      <c r="E237" s="7"/>
    </row>
    <row r="238" spans="2:5" s="1" customFormat="1" ht="15.95" customHeight="1" x14ac:dyDescent="0.25">
      <c r="B238" s="7"/>
      <c r="C238" s="7"/>
      <c r="D238" s="10"/>
      <c r="E238" s="7"/>
    </row>
    <row r="239" spans="2:5" s="1" customFormat="1" ht="15.95" customHeight="1" x14ac:dyDescent="0.25">
      <c r="B239" s="7"/>
      <c r="C239" s="7"/>
      <c r="D239" s="10"/>
      <c r="E239" s="7"/>
    </row>
    <row r="240" spans="2:5" s="1" customFormat="1" ht="15.95" customHeight="1" x14ac:dyDescent="0.25">
      <c r="B240" s="7"/>
      <c r="C240" s="7"/>
      <c r="D240" s="10"/>
      <c r="E240" s="7"/>
    </row>
    <row r="241" spans="2:5" s="1" customFormat="1" ht="15.95" customHeight="1" x14ac:dyDescent="0.25">
      <c r="B241" s="7"/>
      <c r="C241" s="7"/>
      <c r="D241" s="10"/>
      <c r="E241" s="7"/>
    </row>
    <row r="242" spans="2:5" s="1" customFormat="1" ht="15.95" customHeight="1" x14ac:dyDescent="0.25">
      <c r="B242" s="7"/>
      <c r="C242" s="7"/>
      <c r="D242" s="10"/>
      <c r="E242" s="7"/>
    </row>
    <row r="243" spans="2:5" s="1" customFormat="1" ht="15.95" customHeight="1" x14ac:dyDescent="0.25">
      <c r="B243" s="7"/>
      <c r="C243" s="7"/>
      <c r="D243" s="10"/>
      <c r="E243" s="7"/>
    </row>
    <row r="244" spans="2:5" s="1" customFormat="1" ht="15.95" customHeight="1" x14ac:dyDescent="0.25">
      <c r="B244" s="7"/>
      <c r="C244" s="7"/>
      <c r="D244" s="10"/>
      <c r="E244" s="7"/>
    </row>
    <row r="245" spans="2:5" s="1" customFormat="1" ht="15.95" customHeight="1" x14ac:dyDescent="0.25">
      <c r="B245" s="7"/>
      <c r="C245" s="7"/>
      <c r="D245" s="10"/>
      <c r="E245" s="7"/>
    </row>
    <row r="246" spans="2:5" s="1" customFormat="1" ht="15.95" customHeight="1" x14ac:dyDescent="0.25">
      <c r="B246" s="7"/>
      <c r="C246" s="7"/>
      <c r="D246" s="10"/>
      <c r="E246" s="7"/>
    </row>
    <row r="247" spans="2:5" s="1" customFormat="1" ht="15.95" customHeight="1" x14ac:dyDescent="0.25">
      <c r="B247" s="7"/>
      <c r="C247" s="7"/>
      <c r="D247" s="10"/>
      <c r="E247" s="7"/>
    </row>
    <row r="248" spans="2:5" s="1" customFormat="1" ht="15.95" customHeight="1" x14ac:dyDescent="0.25">
      <c r="B248" s="7"/>
      <c r="C248" s="7"/>
      <c r="D248" s="10"/>
      <c r="E248" s="7"/>
    </row>
    <row r="249" spans="2:5" s="1" customFormat="1" ht="15.95" customHeight="1" x14ac:dyDescent="0.25">
      <c r="B249" s="7"/>
      <c r="C249" s="7"/>
      <c r="D249" s="10"/>
      <c r="E249" s="7"/>
    </row>
    <row r="250" spans="2:5" s="1" customFormat="1" ht="15.95" customHeight="1" x14ac:dyDescent="0.25">
      <c r="B250" s="7"/>
      <c r="C250" s="7"/>
      <c r="D250" s="10"/>
      <c r="E250" s="7"/>
    </row>
    <row r="251" spans="2:5" s="1" customFormat="1" ht="15.95" customHeight="1" x14ac:dyDescent="0.25">
      <c r="B251" s="7"/>
      <c r="C251" s="7"/>
      <c r="D251" s="10"/>
      <c r="E251" s="7"/>
    </row>
    <row r="252" spans="2:5" s="1" customFormat="1" ht="15.95" customHeight="1" x14ac:dyDescent="0.25">
      <c r="B252" s="7"/>
      <c r="C252" s="7"/>
      <c r="D252" s="10"/>
      <c r="E252" s="7"/>
    </row>
    <row r="253" spans="2:5" s="1" customFormat="1" ht="15.95" customHeight="1" x14ac:dyDescent="0.25">
      <c r="B253" s="7"/>
      <c r="C253" s="7"/>
      <c r="D253" s="10"/>
      <c r="E253" s="7"/>
    </row>
    <row r="254" spans="2:5" s="1" customFormat="1" ht="15.95" customHeight="1" x14ac:dyDescent="0.25">
      <c r="B254" s="7"/>
      <c r="C254" s="7"/>
      <c r="D254" s="10"/>
      <c r="E254" s="7"/>
    </row>
    <row r="255" spans="2:5" s="1" customFormat="1" ht="15.95" customHeight="1" x14ac:dyDescent="0.25">
      <c r="B255" s="7"/>
      <c r="C255" s="7"/>
      <c r="D255" s="10"/>
      <c r="E255" s="7"/>
    </row>
    <row r="256" spans="2:5" s="1" customFormat="1" ht="15.95" customHeight="1" x14ac:dyDescent="0.25">
      <c r="B256" s="7"/>
      <c r="C256" s="7"/>
      <c r="D256" s="10"/>
      <c r="E256" s="7"/>
    </row>
    <row r="257" spans="2:5" s="1" customFormat="1" ht="15.95" customHeight="1" x14ac:dyDescent="0.25">
      <c r="B257" s="7"/>
      <c r="C257" s="7"/>
      <c r="D257" s="10"/>
      <c r="E257" s="7"/>
    </row>
    <row r="258" spans="2:5" s="1" customFormat="1" ht="15.95" customHeight="1" x14ac:dyDescent="0.25">
      <c r="B258" s="7"/>
      <c r="C258" s="7"/>
      <c r="D258" s="10"/>
      <c r="E258" s="7"/>
    </row>
    <row r="259" spans="2:5" s="1" customFormat="1" ht="15.95" customHeight="1" x14ac:dyDescent="0.25">
      <c r="B259" s="7"/>
      <c r="C259" s="7"/>
      <c r="D259" s="10"/>
      <c r="E259" s="7"/>
    </row>
    <row r="260" spans="2:5" s="1" customFormat="1" ht="15.95" customHeight="1" x14ac:dyDescent="0.25">
      <c r="B260" s="7"/>
      <c r="C260" s="7"/>
      <c r="D260" s="10"/>
      <c r="E260" s="7"/>
    </row>
    <row r="261" spans="2:5" s="1" customFormat="1" ht="15.95" customHeight="1" x14ac:dyDescent="0.25">
      <c r="B261" s="7"/>
      <c r="C261" s="7"/>
      <c r="D261" s="10"/>
      <c r="E261" s="7"/>
    </row>
    <row r="262" spans="2:5" s="1" customFormat="1" ht="15.95" customHeight="1" x14ac:dyDescent="0.25">
      <c r="B262" s="7"/>
      <c r="C262" s="7"/>
      <c r="D262" s="10"/>
      <c r="E262" s="7"/>
    </row>
    <row r="263" spans="2:5" s="1" customFormat="1" ht="15.95" customHeight="1" x14ac:dyDescent="0.25">
      <c r="B263" s="7"/>
      <c r="C263" s="7"/>
      <c r="D263" s="10"/>
      <c r="E263" s="7"/>
    </row>
    <row r="264" spans="2:5" s="1" customFormat="1" ht="15.95" customHeight="1" x14ac:dyDescent="0.25">
      <c r="B264" s="7"/>
      <c r="C264" s="7"/>
      <c r="D264" s="10"/>
      <c r="E264" s="7"/>
    </row>
    <row r="265" spans="2:5" s="1" customFormat="1" ht="15.95" customHeight="1" x14ac:dyDescent="0.25">
      <c r="B265" s="7"/>
      <c r="C265" s="7"/>
      <c r="D265" s="10"/>
      <c r="E265" s="7"/>
    </row>
    <row r="266" spans="2:5" s="1" customFormat="1" ht="15.95" customHeight="1" x14ac:dyDescent="0.25">
      <c r="B266" s="7"/>
      <c r="C266" s="7"/>
      <c r="D266" s="10"/>
      <c r="E266" s="7"/>
    </row>
    <row r="267" spans="2:5" s="1" customFormat="1" ht="15.95" customHeight="1" x14ac:dyDescent="0.25">
      <c r="B267" s="7"/>
      <c r="C267" s="7"/>
      <c r="D267" s="10"/>
      <c r="E267" s="7"/>
    </row>
    <row r="268" spans="2:5" s="1" customFormat="1" ht="15.95" customHeight="1" x14ac:dyDescent="0.25">
      <c r="B268" s="7"/>
      <c r="C268" s="7"/>
      <c r="D268" s="10"/>
      <c r="E268" s="7"/>
    </row>
    <row r="269" spans="2:5" s="1" customFormat="1" ht="15.95" customHeight="1" x14ac:dyDescent="0.25">
      <c r="B269" s="7"/>
      <c r="C269" s="7"/>
      <c r="D269" s="10"/>
      <c r="E269" s="7"/>
    </row>
    <row r="270" spans="2:5" s="1" customFormat="1" ht="15.95" customHeight="1" x14ac:dyDescent="0.25">
      <c r="B270" s="7"/>
      <c r="C270" s="7"/>
      <c r="D270" s="10"/>
      <c r="E270" s="7"/>
    </row>
    <row r="271" spans="2:5" s="1" customFormat="1" ht="15.95" customHeight="1" x14ac:dyDescent="0.25">
      <c r="B271" s="7"/>
      <c r="C271" s="7"/>
      <c r="D271" s="10"/>
      <c r="E271" s="7"/>
    </row>
    <row r="272" spans="2:5" s="1" customFormat="1" ht="15.95" customHeight="1" x14ac:dyDescent="0.25">
      <c r="B272" s="7"/>
      <c r="C272" s="7"/>
      <c r="D272" s="10"/>
      <c r="E272" s="7"/>
    </row>
    <row r="273" spans="2:5" s="1" customFormat="1" ht="15.95" customHeight="1" x14ac:dyDescent="0.25">
      <c r="B273" s="7"/>
      <c r="C273" s="7"/>
      <c r="D273" s="10"/>
      <c r="E273" s="7"/>
    </row>
    <row r="274" spans="2:5" s="1" customFormat="1" ht="15.95" customHeight="1" x14ac:dyDescent="0.25">
      <c r="B274" s="7"/>
      <c r="C274" s="7"/>
      <c r="D274" s="10"/>
      <c r="E274" s="7"/>
    </row>
    <row r="275" spans="2:5" s="1" customFormat="1" ht="15.95" customHeight="1" x14ac:dyDescent="0.25">
      <c r="B275" s="7"/>
      <c r="C275" s="7"/>
      <c r="D275" s="10"/>
      <c r="E275" s="7"/>
    </row>
    <row r="276" spans="2:5" s="1" customFormat="1" ht="15.95" customHeight="1" x14ac:dyDescent="0.25">
      <c r="B276" s="7"/>
      <c r="C276" s="7"/>
      <c r="D276" s="10"/>
      <c r="E276" s="7"/>
    </row>
    <row r="277" spans="2:5" s="1" customFormat="1" ht="15.95" customHeight="1" x14ac:dyDescent="0.25">
      <c r="B277" s="7"/>
      <c r="C277" s="7"/>
      <c r="D277" s="10"/>
      <c r="E277" s="7"/>
    </row>
    <row r="278" spans="2:5" s="1" customFormat="1" ht="15.95" customHeight="1" x14ac:dyDescent="0.25">
      <c r="B278" s="7"/>
      <c r="C278" s="7"/>
      <c r="D278" s="10"/>
      <c r="E278" s="7"/>
    </row>
    <row r="279" spans="2:5" s="1" customFormat="1" ht="15.95" customHeight="1" x14ac:dyDescent="0.25">
      <c r="B279" s="7"/>
      <c r="C279" s="7"/>
      <c r="D279" s="10"/>
      <c r="E279" s="7"/>
    </row>
    <row r="280" spans="2:5" s="1" customFormat="1" ht="15.95" customHeight="1" x14ac:dyDescent="0.25">
      <c r="B280" s="7"/>
      <c r="C280" s="7"/>
      <c r="D280" s="10"/>
      <c r="E280" s="7"/>
    </row>
    <row r="281" spans="2:5" s="1" customFormat="1" ht="15.95" customHeight="1" x14ac:dyDescent="0.25">
      <c r="B281" s="7"/>
      <c r="C281" s="7"/>
      <c r="D281" s="10"/>
      <c r="E281" s="7"/>
    </row>
    <row r="282" spans="2:5" s="1" customFormat="1" ht="15.95" customHeight="1" x14ac:dyDescent="0.25">
      <c r="B282" s="7"/>
      <c r="C282" s="7"/>
      <c r="D282" s="10"/>
      <c r="E282" s="7"/>
    </row>
    <row r="283" spans="2:5" s="1" customFormat="1" ht="15.95" customHeight="1" x14ac:dyDescent="0.25">
      <c r="B283" s="7"/>
      <c r="C283" s="7"/>
      <c r="D283" s="10"/>
      <c r="E283" s="7"/>
    </row>
    <row r="284" spans="2:5" s="1" customFormat="1" ht="15.95" customHeight="1" x14ac:dyDescent="0.25">
      <c r="B284" s="7"/>
      <c r="C284" s="7"/>
      <c r="D284" s="10"/>
      <c r="E284" s="7"/>
    </row>
    <row r="285" spans="2:5" s="1" customFormat="1" ht="15.95" customHeight="1" x14ac:dyDescent="0.25">
      <c r="B285" s="7"/>
      <c r="C285" s="7"/>
      <c r="D285" s="10"/>
      <c r="E285" s="7"/>
    </row>
    <row r="286" spans="2:5" s="1" customFormat="1" ht="15.95" customHeight="1" x14ac:dyDescent="0.25">
      <c r="B286" s="7"/>
      <c r="C286" s="7"/>
      <c r="D286" s="10"/>
      <c r="E286" s="7"/>
    </row>
    <row r="287" spans="2:5" s="1" customFormat="1" ht="15.95" customHeight="1" x14ac:dyDescent="0.25">
      <c r="B287" s="7"/>
      <c r="C287" s="7"/>
      <c r="D287" s="10"/>
      <c r="E287" s="7"/>
    </row>
    <row r="288" spans="2:5" s="1" customFormat="1" ht="15.95" customHeight="1" x14ac:dyDescent="0.25">
      <c r="B288" s="7"/>
      <c r="C288" s="7"/>
      <c r="D288" s="10"/>
      <c r="E288" s="7"/>
    </row>
    <row r="289" spans="2:5" s="1" customFormat="1" ht="15.95" customHeight="1" x14ac:dyDescent="0.25">
      <c r="B289" s="7"/>
      <c r="C289" s="7"/>
      <c r="D289" s="10"/>
      <c r="E289" s="7"/>
    </row>
    <row r="290" spans="2:5" s="1" customFormat="1" ht="15.95" customHeight="1" x14ac:dyDescent="0.25">
      <c r="B290" s="7"/>
      <c r="C290" s="7"/>
      <c r="D290" s="10"/>
      <c r="E290" s="7"/>
    </row>
    <row r="291" spans="2:5" s="1" customFormat="1" ht="15.95" customHeight="1" x14ac:dyDescent="0.25">
      <c r="B291" s="7"/>
      <c r="C291" s="7"/>
      <c r="D291" s="10"/>
      <c r="E291" s="7"/>
    </row>
    <row r="292" spans="2:5" s="1" customFormat="1" ht="15.95" customHeight="1" x14ac:dyDescent="0.25">
      <c r="B292" s="7"/>
      <c r="C292" s="7"/>
      <c r="D292" s="10"/>
      <c r="E292" s="7"/>
    </row>
    <row r="293" spans="2:5" s="1" customFormat="1" ht="15.95" customHeight="1" x14ac:dyDescent="0.25">
      <c r="B293" s="7"/>
      <c r="C293" s="7"/>
      <c r="D293" s="10"/>
      <c r="E293" s="7"/>
    </row>
  </sheetData>
  <mergeCells count="89">
    <mergeCell ref="F213:L213"/>
    <mergeCell ref="F214:L214"/>
    <mergeCell ref="F217:L217"/>
    <mergeCell ref="F218:L218"/>
    <mergeCell ref="F219:L219"/>
    <mergeCell ref="F212:L212"/>
    <mergeCell ref="F197:L197"/>
    <mergeCell ref="F198:L198"/>
    <mergeCell ref="F200:L200"/>
    <mergeCell ref="F201:L201"/>
    <mergeCell ref="F205:L205"/>
    <mergeCell ref="F206:L206"/>
    <mergeCell ref="F207:L207"/>
    <mergeCell ref="F208:L208"/>
    <mergeCell ref="F209:L209"/>
    <mergeCell ref="F210:L210"/>
    <mergeCell ref="F211:L211"/>
    <mergeCell ref="F196:L196"/>
    <mergeCell ref="F178:L178"/>
    <mergeCell ref="F180:L180"/>
    <mergeCell ref="F181:L181"/>
    <mergeCell ref="F185:L185"/>
    <mergeCell ref="F186:L186"/>
    <mergeCell ref="F187:L187"/>
    <mergeCell ref="F189:L189"/>
    <mergeCell ref="F190:L190"/>
    <mergeCell ref="F191:L191"/>
    <mergeCell ref="F193:L193"/>
    <mergeCell ref="F194:L194"/>
    <mergeCell ref="F177:L177"/>
    <mergeCell ref="F152:L152"/>
    <mergeCell ref="F153:L153"/>
    <mergeCell ref="F154:L154"/>
    <mergeCell ref="F156:L156"/>
    <mergeCell ref="F157:L157"/>
    <mergeCell ref="F158:L158"/>
    <mergeCell ref="F168:L168"/>
    <mergeCell ref="F173:L173"/>
    <mergeCell ref="F174:L174"/>
    <mergeCell ref="F175:L175"/>
    <mergeCell ref="F176:L176"/>
    <mergeCell ref="F144:L144"/>
    <mergeCell ref="F127:L127"/>
    <mergeCell ref="F129:L129"/>
    <mergeCell ref="F130:L130"/>
    <mergeCell ref="F134:L134"/>
    <mergeCell ref="F135:L135"/>
    <mergeCell ref="F136:L136"/>
    <mergeCell ref="F137:L137"/>
    <mergeCell ref="F138:L138"/>
    <mergeCell ref="F139:L139"/>
    <mergeCell ref="F140:L140"/>
    <mergeCell ref="F142:L142"/>
    <mergeCell ref="F124:L124"/>
    <mergeCell ref="F99:L99"/>
    <mergeCell ref="F102:L102"/>
    <mergeCell ref="F106:L106"/>
    <mergeCell ref="F107:L107"/>
    <mergeCell ref="F108:L108"/>
    <mergeCell ref="F115:L115"/>
    <mergeCell ref="F117:L117"/>
    <mergeCell ref="F118:L118"/>
    <mergeCell ref="F119:L119"/>
    <mergeCell ref="F122:L122"/>
    <mergeCell ref="F123:L123"/>
    <mergeCell ref="F85:L85"/>
    <mergeCell ref="F63:L63"/>
    <mergeCell ref="F65:L65"/>
    <mergeCell ref="F68:L68"/>
    <mergeCell ref="F70:L70"/>
    <mergeCell ref="F71:L71"/>
    <mergeCell ref="F73:L73"/>
    <mergeCell ref="F74:L74"/>
    <mergeCell ref="F77:L77"/>
    <mergeCell ref="F79:L79"/>
    <mergeCell ref="F81:L81"/>
    <mergeCell ref="F82:L82"/>
    <mergeCell ref="F61:L61"/>
    <mergeCell ref="A3:E3"/>
    <mergeCell ref="F14:L14"/>
    <mergeCell ref="F16:L16"/>
    <mergeCell ref="F45:L45"/>
    <mergeCell ref="F46:L46"/>
    <mergeCell ref="F51:L51"/>
    <mergeCell ref="F52:L52"/>
    <mergeCell ref="F53:L53"/>
    <mergeCell ref="F57:L57"/>
    <mergeCell ref="F58:L58"/>
    <mergeCell ref="F60:L60"/>
  </mergeCells>
  <pageMargins left="0.11811023622047245" right="0.11811023622047245" top="0.15748031496062992" bottom="0.15748031496062992" header="0.31496062992125984" footer="0.31496062992125984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adni listovi</vt:lpstr>
      </vt:variant>
      <vt:variant>
        <vt:i4>2</vt:i4>
      </vt:variant>
    </vt:vector>
  </HeadingPairs>
  <TitlesOfParts>
    <vt:vector size="2" baseType="lpstr">
      <vt:lpstr>Objava 9-2025 (2)</vt:lpstr>
      <vt:lpstr>Lis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mir Spanjevic</dc:creator>
  <cp:lastModifiedBy>i3</cp:lastModifiedBy>
  <cp:lastPrinted>2025-10-16T06:13:38Z</cp:lastPrinted>
  <dcterms:created xsi:type="dcterms:W3CDTF">2019-01-31T10:51:47Z</dcterms:created>
  <dcterms:modified xsi:type="dcterms:W3CDTF">2025-10-16T06:23:56Z</dcterms:modified>
</cp:coreProperties>
</file>